
<file path=[Content_Types].xml><?xml version="1.0" encoding="utf-8"?>
<Types xmlns="http://schemas.openxmlformats.org/package/2006/content-types">
  <Default Extension="bin" ContentType="application/vnd.openxmlformats-officedocument.spreadsheetml.printerSettings"/>
  <Default Extension="png" ContentType="image/png"/>
  <Override PartName="/xl/drawings/drawing9.xml" ContentType="application/vnd.openxmlformats-officedocument.drawing+xml"/>
  <Override PartName="/xl/worksheets/sheet9.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Default Extension="jpeg" ContentType="image/jpeg"/>
  <Override PartName="/xl/drawings/drawing4.xml" ContentType="application/vnd.openxmlformats-officedocument.drawing+xml"/>
  <Override PartName="/xl/drawings/drawing5.xml" ContentType="application/vnd.openxmlformats-officedocument.drawing+xml"/>
  <Default Extension="rels" ContentType="application/vnd.openxmlformats-package.relationships+xml"/>
  <Default Extension="xml" ContentType="application/xml"/>
  <Override PartName="/xl/workbook.xml" ContentType="application/vnd.openxmlformats-officedocument.spreadsheetml.sheet.main+xml"/>
  <Override PartName="/xl/worksheets/sheet4.xml" ContentType="application/vnd.openxmlformats-officedocument.spreadsheetml.worksheet+xml"/>
  <Override PartName="/xl/worksheets/sheet5.xml" ContentType="application/vnd.openxmlformats-officedocument.spreadsheetml.worksheet+xml"/>
  <Override PartName="/xl/worksheets/sheet10.xml" ContentType="application/vnd.openxmlformats-officedocument.spreadsheetml.worksheet+xml"/>
  <Override PartName="/xl/drawings/drawing2.xml" ContentType="application/vnd.openxmlformats-officedocument.drawing+xml"/>
  <Override PartName="/xl/drawings/drawing3.xml" ContentType="application/vnd.openxmlformats-officedocument.drawing+xml"/>
  <Override PartName="/docProps/app.xml" ContentType="application/vnd.openxmlformats-officedocument.extended-properties+xml"/>
  <Override PartName="/xl/worksheets/sheet2.xml" ContentType="application/vnd.openxmlformats-officedocument.spreadsheetml.worksheet+xml"/>
  <Override PartName="/xl/worksheets/sheet3.xml" ContentType="application/vnd.openxmlformats-officedocument.spreadsheetml.worksheet+xml"/>
  <Override PartName="/xl/drawings/drawing1.xml" ContentType="application/vnd.openxmlformats-officedocument.drawing+xml"/>
  <Default Extension="wdp" ContentType="image/vnd.ms-photo"/>
  <Override PartName="/docProps/custom.xml" ContentType="application/vnd.openxmlformats-officedocument.custom-properties+xml"/>
  <Override PartName="/xl/worksheets/sheet1.xml" ContentType="application/vnd.openxmlformats-officedocument.spreadsheetml.worksheet+xml"/>
  <Default Extension="gif" ContentType="image/gif"/>
  <Default Extension="tiff" ContentType="image/tiff"/>
  <Override PartName="/xl/drawings/drawing11.xml" ContentType="application/vnd.openxmlformats-officedocument.drawing+xml"/>
  <Override PartName="/xl/sharedStrings.xml" ContentType="application/vnd.openxmlformats-officedocument.spreadsheetml.sharedStrings+xml"/>
  <Override PartName="/xl/drawings/drawing10.xml" ContentType="application/vnd.openxmlformats-officedocument.drawing+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4" lowestEdited="7" rupBuild="4507"/>
  <workbookPr codeName="ThisWorkbook" defaultThemeVersion="124226"/>
  <bookViews>
    <workbookView xWindow="-120" yWindow="-120" windowWidth="19425" windowHeight="10425" tabRatio="882" activeTab="1"/>
  </bookViews>
  <sheets>
    <sheet name="Снято с производства" sheetId="57" r:id="rId1"/>
    <sheet name="Серия【Easy】IPC" sheetId="38" r:id="rId2"/>
    <sheet name="Серия【Prime】IPC" sheetId="42" r:id="rId3"/>
    <sheet name="PTZ видеокамеры" sheetId="51" r:id="rId4"/>
    <sheet name="NVR(Easy.Prime)" sheetId="55" r:id="rId5"/>
    <sheet name="Gybrid NVR" sheetId="39" r:id="rId6"/>
    <sheet name="Accessories" sheetId="46" r:id="rId7"/>
    <sheet name="Bracket rule" sheetId="47" r:id="rId8"/>
    <sheet name="Display&amp;Videowall" sheetId="48" r:id="rId9"/>
    <sheet name="Transmission,SD,HDD" sheetId="49" r:id="rId10"/>
    <sheet name="Naming Rule 2020" sheetId="45" r:id="rId11"/>
    <sheet name="Sheet1" sheetId="44" r:id="rId12"/>
    <sheet name="Accessory" sheetId="15" state="hidden" r:id="rId13"/>
    <sheet name="!PTZ Dome" sheetId="7" state="hidden" r:id="rId14"/>
  </sheets>
  <definedNames>
    <definedName name="_xlnm._FilterDatabase" localSheetId="6" hidden="1">Accessories!$A$5:$D$89</definedName>
    <definedName name="_xlnm._FilterDatabase" localSheetId="8" hidden="1">'Display&amp;Videowall'!$A$2:$D$59</definedName>
    <definedName name="_xlnm._FilterDatabase" localSheetId="5" hidden="1">'Gybrid NVR'!$A$3:$P$9</definedName>
    <definedName name="_xlnm._FilterDatabase" localSheetId="4" hidden="1">'NVR(Easy.Prime)'!$A$3:$Q$36</definedName>
    <definedName name="_xlnm._FilterDatabase" localSheetId="3" hidden="1">'PTZ видеокамеры'!$A$3:$S$16</definedName>
    <definedName name="_xlnm._FilterDatabase" localSheetId="9" hidden="1">'Transmission,SD,HDD'!#REF!</definedName>
    <definedName name="_xlnm._FilterDatabase" localSheetId="1" hidden="1">Серия【Easy】IPC!$A$3:$T$38</definedName>
    <definedName name="_xlnm._FilterDatabase" localSheetId="2" hidden="1">Серия【Prime】IPC!$A$3:$T$49</definedName>
    <definedName name="output">#REF!</definedName>
  </definedNames>
  <calcPr calcId="125725"/>
</workbook>
</file>

<file path=xl/sharedStrings.xml><?xml version="1.0" encoding="utf-8"?>
<sst xmlns="http://schemas.openxmlformats.org/spreadsheetml/2006/main" count="4425" uniqueCount="2268">
  <si>
    <t>Наименование</t>
  </si>
  <si>
    <t>Фото</t>
  </si>
  <si>
    <t>Описание</t>
  </si>
  <si>
    <t>IPC2122LR3-PF40M-D</t>
  </si>
  <si>
    <t>IPC2122LR3-PF60M-D</t>
  </si>
  <si>
    <t>IPC2124LR3-PF40M-D</t>
  </si>
  <si>
    <t>IPC2124LR3-PF60M-D</t>
  </si>
  <si>
    <t>IPC322LR3-VSPF28-D</t>
  </si>
  <si>
    <t>IPC322LR3-VSPF40-D</t>
  </si>
  <si>
    <t>IPC324LR3-VSPF28-D</t>
  </si>
  <si>
    <t>IPC324LR3-VSPF40-D</t>
  </si>
  <si>
    <t>IPC3612LR3-PF28-D</t>
  </si>
  <si>
    <t>IPC3612LR3-PF40-D</t>
  </si>
  <si>
    <t>IPC3614LR3-PF28-D</t>
  </si>
  <si>
    <t>IPC3614LR3-PF40-D</t>
  </si>
  <si>
    <t>IPC2122SR3-UPF40-C</t>
  </si>
  <si>
    <t>IPC322ER3-DUVPF28-C</t>
  </si>
  <si>
    <t>IPC6322LR-X22-C</t>
  </si>
  <si>
    <t>IPC6322SR-X22P-C</t>
  </si>
  <si>
    <t>Model Name</t>
  </si>
  <si>
    <t>Appearance</t>
  </si>
  <si>
    <t>Description</t>
  </si>
  <si>
    <t>TR-WM06-C-IN</t>
  </si>
  <si>
    <t>TR-UM06-A-IN</t>
  </si>
  <si>
    <t>HS-108-IN</t>
  </si>
  <si>
    <t>TR-UV06-A-IN</t>
  </si>
  <si>
    <t>TR-UP06-IN</t>
  </si>
  <si>
    <t>TR-CM06-IN</t>
  </si>
  <si>
    <t>TR-WM06-A-IN</t>
  </si>
  <si>
    <t>TR-SM06-IN</t>
  </si>
  <si>
    <t>TR-CE45-IN</t>
  </si>
  <si>
    <t>TR-FM152-A-IN</t>
  </si>
  <si>
    <t>TR-SM04-IN</t>
  </si>
  <si>
    <t>TR-A01-IN</t>
  </si>
  <si>
    <t>TR-UF45-F-IN</t>
  </si>
  <si>
    <t>TR-UM06-C-IN</t>
  </si>
  <si>
    <t>TR-UF45-A-IN</t>
  </si>
  <si>
    <t>TR-SE45-IN</t>
  </si>
  <si>
    <t>TR-SE45-A-IN</t>
  </si>
  <si>
    <t>TR-WE45-IN</t>
  </si>
  <si>
    <t>TR-WE45-A-IN</t>
  </si>
  <si>
    <t>TR-WE45-B-IN</t>
  </si>
  <si>
    <t>TR-JB12-IN</t>
  </si>
  <si>
    <t>TR-FM200-IN</t>
  </si>
  <si>
    <t>LENS-YM0312D-3M-NB</t>
  </si>
  <si>
    <t>Focal Length: 3-12mm; Mount: CS; Format: 1/2.7"; Pixel: 3MP; Aperture: DC-Iris，F1.4; Angle of view: 105.6°-28.4°; Size: Φ29.0×44.2×43.5</t>
  </si>
  <si>
    <t>LENS-DM3816D-3M-NB</t>
  </si>
  <si>
    <t>Focal Length: 3.8-16mm; Mount: C; Format: 1/1.8"; Pixel: 3MP; Aperture: DC-Iris，F1.6; Angle of view: 103°-22.5°; Size: Φ52*79.1</t>
  </si>
  <si>
    <t>LENS-DM1250D-3M-IN</t>
  </si>
  <si>
    <t>Focal Length: 12-50mm; Mount: CS; Format: 1/1.8"; Pixel: 3MP; Aperture: DC-Iris，F1.5; Angle of view: 32.5°-8.4°; Size: Φ43×78.7</t>
  </si>
  <si>
    <t>IPC3611SR3-DPF60</t>
  </si>
  <si>
    <t>IPC</t>
  </si>
  <si>
    <t>S</t>
  </si>
  <si>
    <t>R3</t>
  </si>
  <si>
    <t>-</t>
  </si>
  <si>
    <t>DPF60</t>
  </si>
  <si>
    <t>E</t>
  </si>
  <si>
    <t>L</t>
  </si>
  <si>
    <t>1: Module(Zoom camera)</t>
  </si>
  <si>
    <t>1: Entry level</t>
  </si>
  <si>
    <t>Main Feature:</t>
  </si>
  <si>
    <t>Additional Feature:</t>
  </si>
  <si>
    <t>V: Vandal-resistent</t>
  </si>
  <si>
    <t>Network interface:</t>
  </si>
  <si>
    <t xml:space="preserve">NVR301-08L-P8 </t>
  </si>
  <si>
    <t>NVR</t>
  </si>
  <si>
    <t>-P8</t>
  </si>
  <si>
    <t>NVR304-16EP</t>
  </si>
  <si>
    <t>P</t>
  </si>
  <si>
    <t>NVR: Network Video Recorder</t>
  </si>
  <si>
    <t>2: Entry Series</t>
  </si>
  <si>
    <t>01: 1 HDD</t>
  </si>
  <si>
    <t>3: High-end Series</t>
  </si>
  <si>
    <t>02: 2 HDDs</t>
  </si>
  <si>
    <t>5: Project Series</t>
  </si>
  <si>
    <t>04: 4 HDDs</t>
  </si>
  <si>
    <t>08: 8 HDDs</t>
  </si>
  <si>
    <t>16: 16 HDDs</t>
  </si>
  <si>
    <t>Features</t>
  </si>
  <si>
    <t>IPC640 5'' PTZ Dome Camera</t>
  </si>
  <si>
    <t>Standard series</t>
  </si>
  <si>
    <t>IPC641L-X22-IN</t>
  </si>
  <si>
    <t>1.3MP</t>
  </si>
  <si>
    <r>
      <rPr>
        <b/>
        <sz val="10"/>
        <color theme="0" tint="-0.249977111117893"/>
        <rFont val="Calibri"/>
        <family val="2"/>
      </rPr>
      <t>1/3" CMOS, ICR, 1280x960:30fps, H.264/MJPEG, Triple streams, AC24V, 3D DNR, -40~70</t>
    </r>
    <r>
      <rPr>
        <b/>
        <sz val="10"/>
        <color theme="0" tint="-0.249977111117893"/>
        <rFont val="宋体"/>
        <charset val="134"/>
      </rPr>
      <t>℃</t>
    </r>
    <r>
      <rPr>
        <b/>
        <sz val="10"/>
        <color theme="0" tint="-0.249977111117893"/>
        <rFont val="Calibri"/>
        <family val="2"/>
      </rPr>
      <t>, IP67, 22x optical zoom(4.7 ~ 103.4mm)</t>
    </r>
  </si>
  <si>
    <r>
      <rPr>
        <b/>
        <sz val="10"/>
        <color rgb="FFFF0000"/>
        <rFont val="宋体"/>
        <charset val="134"/>
      </rPr>
      <t>停产</t>
    </r>
    <r>
      <rPr>
        <b/>
        <sz val="10"/>
        <color rgb="FFFF0000"/>
        <rFont val="Calibri"/>
        <family val="2"/>
      </rPr>
      <t>!</t>
    </r>
    <r>
      <rPr>
        <b/>
        <sz val="10"/>
        <color rgb="FFFF0000"/>
        <rFont val="宋体"/>
        <charset val="134"/>
      </rPr>
      <t>替代型号为</t>
    </r>
    <r>
      <rPr>
        <b/>
        <sz val="10"/>
        <color rgb="FFFF0000"/>
        <rFont val="Calibri"/>
        <family val="2"/>
      </rPr>
      <t xml:space="preserve">                                              IPC641E-X20N                       0235C14V</t>
    </r>
  </si>
  <si>
    <t>IPC642L-X22-IN</t>
  </si>
  <si>
    <t>2MP</t>
  </si>
  <si>
    <r>
      <rPr>
        <b/>
        <sz val="10"/>
        <color theme="0" tint="-0.249977111117893"/>
        <rFont val="Calibri"/>
        <family val="2"/>
      </rPr>
      <t>1/2.8" CMOS, ICR, 1920x1080:30fps, H.264/MJPEG, Triple streams, AC24V,  3D DNR, -40~70</t>
    </r>
    <r>
      <rPr>
        <b/>
        <sz val="10"/>
        <color theme="0" tint="-0.249977111117893"/>
        <rFont val="宋体"/>
        <charset val="134"/>
      </rPr>
      <t>℃</t>
    </r>
    <r>
      <rPr>
        <b/>
        <sz val="10"/>
        <color theme="0" tint="-0.249977111117893"/>
        <rFont val="Calibri"/>
        <family val="2"/>
      </rPr>
      <t>, IP67, 22x optical zoom(4.7 ~ 103.4mm</t>
    </r>
    <r>
      <rPr>
        <sz val="10"/>
        <color theme="0" tint="-0.249977111117893"/>
        <rFont val="Calibri"/>
        <family val="2"/>
      </rPr>
      <t>)</t>
    </r>
  </si>
  <si>
    <r>
      <rPr>
        <b/>
        <sz val="10"/>
        <color rgb="FFFF0000"/>
        <rFont val="宋体"/>
        <charset val="134"/>
      </rPr>
      <t>停产</t>
    </r>
    <r>
      <rPr>
        <b/>
        <sz val="10"/>
        <color rgb="FFFF0000"/>
        <rFont val="Calibri"/>
        <family val="2"/>
      </rPr>
      <t>!</t>
    </r>
    <r>
      <rPr>
        <b/>
        <sz val="10"/>
        <color rgb="FFFF0000"/>
        <rFont val="宋体"/>
        <charset val="134"/>
      </rPr>
      <t>替代型号为</t>
    </r>
    <r>
      <rPr>
        <b/>
        <sz val="10"/>
        <color rgb="FFFF0000"/>
        <rFont val="Calibri"/>
        <family val="2"/>
      </rPr>
      <t xml:space="preserve">                                              IPC642E-X20N                       0235C14W</t>
    </r>
  </si>
  <si>
    <t>IPC641E-X22-IN</t>
  </si>
  <si>
    <r>
      <rPr>
        <b/>
        <sz val="10"/>
        <rFont val="Calibri"/>
        <family val="2"/>
      </rPr>
      <t>1/3" CMOS, ICR, 1280x960:30fps, H.264/MJPEG, Triple streams, AC24V, 3D DNR, SD card slot, Alarm in/out 2/1, Audio, BNC output, -40~70</t>
    </r>
    <r>
      <rPr>
        <b/>
        <sz val="10"/>
        <rFont val="宋体"/>
        <charset val="134"/>
      </rPr>
      <t>℃</t>
    </r>
    <r>
      <rPr>
        <b/>
        <sz val="10"/>
        <rFont val="Calibri"/>
        <family val="2"/>
      </rPr>
      <t>, IP67, 22x optical zoom(4.7 ~ 103.4mm)</t>
    </r>
  </si>
  <si>
    <t>IPC642E-X22-IN</t>
  </si>
  <si>
    <r>
      <rPr>
        <b/>
        <sz val="10"/>
        <rFont val="Calibri"/>
        <family val="2"/>
      </rPr>
      <t>1/2.8" CMOS, ICR, 1920x1080:30fps, H.264/MJPEG, Triple streams, AC24V,  3D DNR, SD card slot, Alarm in/out 2/1, Audio, BNC output, -40~70</t>
    </r>
    <r>
      <rPr>
        <b/>
        <sz val="10"/>
        <rFont val="宋体"/>
        <charset val="134"/>
      </rPr>
      <t>℃</t>
    </r>
    <r>
      <rPr>
        <b/>
        <sz val="10"/>
        <rFont val="Calibri"/>
        <family val="2"/>
      </rPr>
      <t>, IP67, 22x optical zoom(4.7 ~ 103.4mm)</t>
    </r>
  </si>
  <si>
    <t>IPC641E-X22-NL-IN</t>
  </si>
  <si>
    <r>
      <rPr>
        <b/>
        <sz val="10"/>
        <rFont val="Calibri"/>
        <family val="2"/>
      </rPr>
      <t>1/3" CMOS, ICR, 1280x960:30fps, H.264/MJPEG, Triple streams, AC24V, 3D DNR, SD card slot, Alarm in/out 2/1, Audio, BNC output, -40~70</t>
    </r>
    <r>
      <rPr>
        <b/>
        <sz val="10"/>
        <rFont val="宋体"/>
        <charset val="134"/>
      </rPr>
      <t>℃</t>
    </r>
    <r>
      <rPr>
        <b/>
        <sz val="10"/>
        <rFont val="Calibri"/>
        <family val="2"/>
      </rPr>
      <t>, IP67, 22x optical zoom(4.7 ~ 103.4mm),SFP slot+RJ45</t>
    </r>
  </si>
  <si>
    <t>IPC642E-X22-NL-IN</t>
  </si>
  <si>
    <r>
      <rPr>
        <b/>
        <sz val="10"/>
        <rFont val="Calibri"/>
        <family val="2"/>
      </rPr>
      <t>1/2.8" CMOS, ICR, 1920x1080:30fps, H.264/MJPEG, Triple streams, AC24V,  3D DNR, SD card slot, Alarm in/out 2/1, Audio, BNC output, -40~70</t>
    </r>
    <r>
      <rPr>
        <b/>
        <sz val="10"/>
        <rFont val="宋体"/>
        <charset val="134"/>
      </rPr>
      <t>℃</t>
    </r>
    <r>
      <rPr>
        <b/>
        <sz val="10"/>
        <rFont val="Calibri"/>
        <family val="2"/>
      </rPr>
      <t>, IP67, 22x optical zoom(4.7 ~ 103.4mm),SFP slot+RJ45</t>
    </r>
  </si>
  <si>
    <t>All-weather series</t>
  </si>
  <si>
    <t>IPC641E-X22A-IN</t>
  </si>
  <si>
    <r>
      <rPr>
        <b/>
        <sz val="10"/>
        <rFont val="Calibri"/>
        <family val="2"/>
      </rPr>
      <t>1/3" CMOS, ICR, 1280x960:30fps, H.264/MJPEG, Triple streams, AC24V, 3D DNR, SD card slot, Alarm in/out 2/1, Audio, BNC output, -40~70</t>
    </r>
    <r>
      <rPr>
        <b/>
        <sz val="10"/>
        <rFont val="宋体"/>
        <charset val="134"/>
      </rPr>
      <t>℃</t>
    </r>
    <r>
      <rPr>
        <b/>
        <sz val="10"/>
        <rFont val="Calibri"/>
        <family val="2"/>
      </rPr>
      <t>, IP66, 22x optical zoom(4.7 ~ 103.4mm),  All-weather(self-clean)</t>
    </r>
  </si>
  <si>
    <t>IPC642E-X22A-IN</t>
  </si>
  <si>
    <r>
      <rPr>
        <b/>
        <sz val="10"/>
        <rFont val="Calibri"/>
        <family val="2"/>
      </rPr>
      <t>1/2.8" CMOS, ICR, 1920x1080:30fps, H.264/MJPEG, Triple streams, AC24V,  3D DNR, SD card slot, Alarm in/out 2/1, Audio, BNC output, -40~70</t>
    </r>
    <r>
      <rPr>
        <b/>
        <sz val="10"/>
        <rFont val="Arial"/>
        <family val="2"/>
      </rPr>
      <t>℃</t>
    </r>
    <r>
      <rPr>
        <b/>
        <sz val="10"/>
        <rFont val="Calibri"/>
        <family val="2"/>
      </rPr>
      <t>, IP66, 22x optical zoom(4.7 ~ 103.4mm),  All-weather(self-clean)</t>
    </r>
  </si>
  <si>
    <t>IPC641E-X22A-NL-IN</t>
  </si>
  <si>
    <r>
      <rPr>
        <b/>
        <sz val="10"/>
        <rFont val="Calibri"/>
        <family val="2"/>
      </rPr>
      <t>1/3" CMOS, ICR, 1280x960:30fps, H.264/MJPEG, Triple streams, AC24V, 3D DNR, SD card slot, Alarm in/out 2/1, Audio, BNC output, -40~70</t>
    </r>
    <r>
      <rPr>
        <b/>
        <sz val="10"/>
        <rFont val="Arial"/>
        <family val="2"/>
      </rPr>
      <t>℃</t>
    </r>
    <r>
      <rPr>
        <b/>
        <sz val="10"/>
        <rFont val="Calibri"/>
        <family val="2"/>
      </rPr>
      <t>, IP66, 22x optical zoom(4.7 ~ 103.4mm),SFP slot+RJ45, All-weather(self-clean)</t>
    </r>
  </si>
  <si>
    <r>
      <rPr>
        <b/>
        <sz val="10"/>
        <rFont val="Calibri"/>
        <family val="2"/>
      </rPr>
      <t>1/2.8" CMOS, ICR, 1920x1080:30fps, H.264/MJPEG, Triple streams, AC24V,  3D DNR, SD card slot, Alarm in/out 2/1, Audio, BNC output, -40~70</t>
    </r>
    <r>
      <rPr>
        <b/>
        <sz val="10"/>
        <rFont val="Arial"/>
        <family val="2"/>
      </rPr>
      <t>℃</t>
    </r>
    <r>
      <rPr>
        <b/>
        <sz val="10"/>
        <rFont val="Calibri"/>
        <family val="2"/>
      </rPr>
      <t>, IP66, 22x optical zoom(4.7 ~ 103.4mm),SFP slot+RJ45, All-weather(self-clean)</t>
    </r>
  </si>
  <si>
    <t>IPC641L-X22IR-IN</t>
  </si>
  <si>
    <r>
      <rPr>
        <b/>
        <sz val="10"/>
        <color theme="0" tint="-0.249977111117893"/>
        <rFont val="Calibri"/>
        <family val="2"/>
      </rPr>
      <t>1/3" CMOS, ICR, 1280x960:30fps, H.264/MJPEG, Triple streams, AC24V, 3D DNR, -40~70</t>
    </r>
    <r>
      <rPr>
        <b/>
        <sz val="10"/>
        <color theme="0" tint="-0.249977111117893"/>
        <rFont val="宋体"/>
        <charset val="134"/>
      </rPr>
      <t>℃</t>
    </r>
    <r>
      <rPr>
        <b/>
        <sz val="10"/>
        <color theme="0" tint="-0.249977111117893"/>
        <rFont val="Calibri"/>
        <family val="2"/>
      </rPr>
      <t>, IP66, 22x optical zoom(4.7 ~ 103.4mm), IR range: up to 120m</t>
    </r>
  </si>
  <si>
    <r>
      <rPr>
        <b/>
        <sz val="10"/>
        <color rgb="FFFF0000"/>
        <rFont val="宋体"/>
        <charset val="134"/>
      </rPr>
      <t>停产</t>
    </r>
    <r>
      <rPr>
        <b/>
        <sz val="10"/>
        <color rgb="FFFF0000"/>
        <rFont val="Calibri"/>
        <family val="2"/>
      </rPr>
      <t>!</t>
    </r>
    <r>
      <rPr>
        <b/>
        <sz val="10"/>
        <color rgb="FFFF0000"/>
        <rFont val="宋体"/>
        <charset val="134"/>
      </rPr>
      <t>替代型号为</t>
    </r>
    <r>
      <rPr>
        <b/>
        <sz val="10"/>
        <color rgb="FFFF0000"/>
        <rFont val="Calibri"/>
        <family val="2"/>
      </rPr>
      <t xml:space="preserve">                                              IPC641ER-X20N                       0235C14X</t>
    </r>
  </si>
  <si>
    <t>IPC642L-X22IR-IN</t>
  </si>
  <si>
    <r>
      <rPr>
        <b/>
        <sz val="10"/>
        <color theme="0" tint="-0.249977111117893"/>
        <rFont val="Calibri"/>
        <family val="2"/>
      </rPr>
      <t>1/2.8" CMOS, ICR, 1920x1080:30fps, H.264/MJPEG, Triple streams, AC24V,  3D DNR, -40~70</t>
    </r>
    <r>
      <rPr>
        <b/>
        <sz val="10"/>
        <color theme="0" tint="-0.249977111117893"/>
        <rFont val="宋体"/>
        <charset val="134"/>
      </rPr>
      <t>℃</t>
    </r>
    <r>
      <rPr>
        <b/>
        <sz val="10"/>
        <color theme="0" tint="-0.249977111117893"/>
        <rFont val="Calibri"/>
        <family val="2"/>
      </rPr>
      <t>, IP66, 22x optical zoom(4.7 ~ 103.4mm),  IR range: up to 120m</t>
    </r>
  </si>
  <si>
    <r>
      <rPr>
        <b/>
        <sz val="10"/>
        <color rgb="FFFF0000"/>
        <rFont val="宋体"/>
        <charset val="134"/>
      </rPr>
      <t>停产</t>
    </r>
    <r>
      <rPr>
        <b/>
        <sz val="10"/>
        <color rgb="FFFF0000"/>
        <rFont val="Calibri"/>
        <family val="2"/>
      </rPr>
      <t>!</t>
    </r>
    <r>
      <rPr>
        <b/>
        <sz val="10"/>
        <color rgb="FFFF0000"/>
        <rFont val="宋体"/>
        <charset val="134"/>
      </rPr>
      <t>替代型号为</t>
    </r>
    <r>
      <rPr>
        <b/>
        <sz val="10"/>
        <color rgb="FFFF0000"/>
        <rFont val="Calibri"/>
        <family val="2"/>
      </rPr>
      <t xml:space="preserve">                                              IPC642ER-X20N                       0235C14Y</t>
    </r>
  </si>
  <si>
    <t>IPC641E-X22IR-IN</t>
  </si>
  <si>
    <r>
      <rPr>
        <b/>
        <sz val="10"/>
        <rFont val="Calibri"/>
        <family val="2"/>
      </rPr>
      <t>1/3" CMOS, ICR, 1280x960:30fps, H.264/MJPEG, Triple streams, AC24V, 3D DNR, SD card slot, Alarm in/out 2/1, Audio, BNC output, -40~70</t>
    </r>
    <r>
      <rPr>
        <b/>
        <sz val="10"/>
        <rFont val="Arial"/>
        <family val="2"/>
      </rPr>
      <t>℃</t>
    </r>
    <r>
      <rPr>
        <b/>
        <sz val="10"/>
        <rFont val="Calibri"/>
        <family val="2"/>
      </rPr>
      <t>, IP66, 22x optical zoom(4.7 ~ 103.4mm),  All-weather(self-clean), IR range: up to 150m</t>
    </r>
  </si>
  <si>
    <t>IPC642E-X22IR-IN</t>
  </si>
  <si>
    <r>
      <rPr>
        <b/>
        <sz val="10"/>
        <rFont val="Calibri"/>
        <family val="2"/>
      </rPr>
      <t>1/2.8" CMOS, ICR, 1920x1080:30fps, H.264/MJPEG, Triple streams, AC24V,  3D DNR, SD card slot, Alarm in/out 2/1, Audio, BNC output, -40~70</t>
    </r>
    <r>
      <rPr>
        <b/>
        <sz val="10"/>
        <rFont val="宋体"/>
        <charset val="134"/>
      </rPr>
      <t>℃</t>
    </r>
    <r>
      <rPr>
        <b/>
        <sz val="10"/>
        <rFont val="Calibri"/>
        <family val="2"/>
      </rPr>
      <t>, IP66, 22x optical zoom(4.7 ~ 103.4mm),  All-weather(self-clean), IR range: up to 150m</t>
    </r>
  </si>
  <si>
    <t>IPC641E-X22IR-NL-IN</t>
  </si>
  <si>
    <r>
      <rPr>
        <b/>
        <sz val="10"/>
        <rFont val="Calibri"/>
        <family val="2"/>
      </rPr>
      <t>1/3" CMOS, ICR, 1280x960:30fps, H.264/MJPEG, Triple streams, AC24V, 3D DNR, SD card slot, Alarm in/out 2/1, Audio, BNC output, -40~70</t>
    </r>
    <r>
      <rPr>
        <b/>
        <sz val="10"/>
        <rFont val="宋体"/>
        <charset val="134"/>
      </rPr>
      <t>℃</t>
    </r>
    <r>
      <rPr>
        <b/>
        <sz val="10"/>
        <rFont val="Calibri"/>
        <family val="2"/>
      </rPr>
      <t>, IP66, 22x optical zoom(4.7 ~ 103.4mm), SFP slot+RJ45, All-weather(self-clean), IR range: up to 150m</t>
    </r>
  </si>
  <si>
    <t>IPC642E-X22IR-NL-IN</t>
  </si>
  <si>
    <r>
      <rPr>
        <b/>
        <sz val="10"/>
        <rFont val="Calibri"/>
        <family val="2"/>
      </rPr>
      <t>1/2.8" CMOS, ICR, 1920x1080:30fps, H.264/MJPEG, Triple streams, AC24V,  3D DNR, SD card slot, Alarm in/out 2/1, Audio, BNC output, -40~70</t>
    </r>
    <r>
      <rPr>
        <b/>
        <sz val="10"/>
        <rFont val="宋体"/>
        <charset val="134"/>
      </rPr>
      <t>℃</t>
    </r>
    <r>
      <rPr>
        <b/>
        <sz val="10"/>
        <rFont val="Calibri"/>
        <family val="2"/>
      </rPr>
      <t>, IP66, 22x optical zoom(4.7 ~ 103.4mm),  SFP slot+RJ45, All-weather(self-clean), IR range: up to 150m</t>
    </r>
  </si>
  <si>
    <t>IPC641E-X22IR-IANL-IN</t>
  </si>
  <si>
    <r>
      <rPr>
        <b/>
        <sz val="10"/>
        <rFont val="Calibri"/>
        <family val="2"/>
      </rPr>
      <t>1/2.8" CMOS, ICR, 1280x960:30fps, H.264/MJPEG, Triple streams, AC24V,  3D DNR, SD card slot, Alarm in/out 2/1, Audio, BNC output, -40~70</t>
    </r>
    <r>
      <rPr>
        <b/>
        <sz val="10"/>
        <rFont val="宋体"/>
        <charset val="134"/>
      </rPr>
      <t>℃</t>
    </r>
    <r>
      <rPr>
        <b/>
        <sz val="10"/>
        <rFont val="Calibri"/>
        <family val="2"/>
      </rPr>
      <t xml:space="preserve">, IP66, 22x optical zoom(4.7 ~ 103.4mm),  SFP slot+RJ45, All-weather(self-clean), IR range: up to 150m, </t>
    </r>
    <r>
      <rPr>
        <b/>
        <sz val="10"/>
        <color rgb="FFFF0000"/>
        <rFont val="Calibri"/>
        <family val="2"/>
      </rPr>
      <t>Intelligent Analysis: Region Intrusion, line crossing, PTZ auto-tracking</t>
    </r>
  </si>
  <si>
    <t>IPC642E-X22IR-IANL-IN</t>
  </si>
  <si>
    <r>
      <rPr>
        <b/>
        <sz val="10"/>
        <rFont val="Calibri"/>
        <family val="2"/>
      </rPr>
      <t>1/2.8" CMOS, ICR, 1920x1080:30fps, H.264/MJPEG, Triple streams, AC24V,  3D DNR, SD card slot, Alarm in/out 2/1, Audio, BNC output, -40~70</t>
    </r>
    <r>
      <rPr>
        <b/>
        <sz val="10"/>
        <rFont val="宋体"/>
        <charset val="134"/>
      </rPr>
      <t>℃</t>
    </r>
    <r>
      <rPr>
        <b/>
        <sz val="10"/>
        <rFont val="Calibri"/>
        <family val="2"/>
      </rPr>
      <t xml:space="preserve">, IP66, 22x optical zoom(4.7 ~ 103.4mm),  SFP slot+RJ45, All-weather(self-clean), IR range: up to 150m, </t>
    </r>
    <r>
      <rPr>
        <b/>
        <sz val="10"/>
        <color rgb="FFFF0000"/>
        <rFont val="Calibri"/>
        <family val="2"/>
      </rPr>
      <t>Intelligent Analysis: Intrusion detection, line crossing detection, PTZ auto-tracking</t>
    </r>
  </si>
  <si>
    <t>IPC641E-X22IRL-IN</t>
  </si>
  <si>
    <r>
      <rPr>
        <b/>
        <sz val="10"/>
        <rFont val="Calibri"/>
        <family val="2"/>
      </rPr>
      <t>1/3" CMOS, ICR, 1280x960:30fps, H.264/MJPEG, Triple streams, AC24V, 3D DNR, SD card slot, Alarm in/out 2/1, Audio, BNC output, -40~70</t>
    </r>
    <r>
      <rPr>
        <b/>
        <sz val="10"/>
        <rFont val="宋体"/>
        <charset val="134"/>
      </rPr>
      <t>℃</t>
    </r>
    <r>
      <rPr>
        <b/>
        <sz val="10"/>
        <rFont val="Calibri"/>
        <family val="2"/>
      </rPr>
      <t>, IP66, 22x optical zoom(4.7 ~ 103.4mm),  All-weather(self-clean), IR range: up to 250m</t>
    </r>
  </si>
  <si>
    <t>IPC642E-X22IRL-IN</t>
  </si>
  <si>
    <r>
      <rPr>
        <b/>
        <sz val="10"/>
        <rFont val="Calibri"/>
        <family val="2"/>
      </rPr>
      <t>1/2.8" CMOS, ICR, 1920x1080:30fps, H.264/MJPEG, Triple streams, AC24V,  3D DNR, SD card slot, Alarm in/out 2/1, Audio, BNC output, -40~70</t>
    </r>
    <r>
      <rPr>
        <b/>
        <sz val="10"/>
        <rFont val="宋体"/>
        <charset val="134"/>
      </rPr>
      <t>℃</t>
    </r>
    <r>
      <rPr>
        <b/>
        <sz val="10"/>
        <rFont val="Calibri"/>
        <family val="2"/>
      </rPr>
      <t>, IP66, 22x optical zoom(4.7 ~ 103.4mm),  All-weather(self-clean), IR range: up to 250m</t>
    </r>
  </si>
  <si>
    <t>IPC641E-X22IRL-NL-IN</t>
  </si>
  <si>
    <r>
      <rPr>
        <b/>
        <sz val="10"/>
        <rFont val="Calibri"/>
        <family val="2"/>
      </rPr>
      <t>1/3" CMOS, ICR, 1280x960:30fps, H.264/MJPEG, Triple streams, AC24V, 3D DNR, SD card slot, Alarm in/out 2/1, Audio, BNC output, -40~70</t>
    </r>
    <r>
      <rPr>
        <b/>
        <sz val="10"/>
        <rFont val="宋体"/>
        <charset val="134"/>
      </rPr>
      <t>℃</t>
    </r>
    <r>
      <rPr>
        <b/>
        <sz val="10"/>
        <rFont val="Calibri"/>
        <family val="2"/>
      </rPr>
      <t>, IP66, 22x optical zoom(4.7 ~ 103.4mm),SFP slot+RJ45, All-weather(self-clean), IR range: up to 250m</t>
    </r>
  </si>
  <si>
    <t>IPC642E-X22IRL-NL-IN</t>
  </si>
  <si>
    <r>
      <rPr>
        <b/>
        <sz val="10"/>
        <rFont val="Calibri"/>
        <family val="2"/>
      </rPr>
      <t>1/2.8" CMOS, ICR, 1920x1080:30fps, H.264/MJPEG, Triple streams, AC24V,  3D DNR, SD card slot, Alarm in/out 2/1, Audio, BNC output, -40~70</t>
    </r>
    <r>
      <rPr>
        <b/>
        <sz val="10"/>
        <rFont val="宋体"/>
        <charset val="134"/>
      </rPr>
      <t>℃</t>
    </r>
    <r>
      <rPr>
        <b/>
        <sz val="10"/>
        <rFont val="Calibri"/>
        <family val="2"/>
      </rPr>
      <t>, IP66, 22x optical zoom(4.7 ~ 103.4mm),SFP slot+RJ45, All-weather(self-clean), IR range: up to 250m</t>
    </r>
  </si>
  <si>
    <t>Indoor  series</t>
  </si>
  <si>
    <t>IPC641E-X22I-IN</t>
  </si>
  <si>
    <r>
      <rPr>
        <b/>
        <sz val="10"/>
        <rFont val="Calibri"/>
        <family val="2"/>
      </rPr>
      <t>1/3" CMOS, ICR, 1280x960:30fps, H.264/MJPEG, Triple streams, AC24V, 3D DNR, SD card slot, Alarm in/out 2/1, Audio, BNC output, -40~70</t>
    </r>
    <r>
      <rPr>
        <b/>
        <sz val="10"/>
        <rFont val="Arial"/>
        <family val="2"/>
      </rPr>
      <t>℃</t>
    </r>
    <r>
      <rPr>
        <b/>
        <sz val="10"/>
        <rFont val="Calibri"/>
        <family val="2"/>
      </rPr>
      <t>, 22x optical zoom(4.7 ~ 103.4mm), PoE(IEEE802.3at)</t>
    </r>
  </si>
  <si>
    <t>IPC642E-X22I-IN</t>
  </si>
  <si>
    <r>
      <rPr>
        <b/>
        <sz val="10"/>
        <rFont val="Calibri"/>
        <family val="2"/>
      </rPr>
      <t>1/2.8" CMOS, ICR, 1920x1080:30fps, H.264/MJPEG, Triple streams, AC24V,  3D DNR, SD card slot, Alarm in/out 2/1, Audio, BNC output, -40~70</t>
    </r>
    <r>
      <rPr>
        <b/>
        <sz val="10"/>
        <rFont val="Arial"/>
        <family val="2"/>
      </rPr>
      <t>℃</t>
    </r>
    <r>
      <rPr>
        <b/>
        <sz val="10"/>
        <rFont val="Calibri"/>
        <family val="2"/>
      </rPr>
      <t>, 22x optical zoom(4.7 ~ 103.4mm), PoE(IEEE802.3at)</t>
    </r>
  </si>
  <si>
    <t>Статус</t>
  </si>
  <si>
    <t>C</t>
  </si>
  <si>
    <t>62: PTZ Dome</t>
  </si>
  <si>
    <t>63: Mini PTZ Dome</t>
  </si>
  <si>
    <t>68: PTZ Dome 8"</t>
  </si>
  <si>
    <t>7: PTZ Positionar Bulet Camera</t>
  </si>
  <si>
    <t>8: Panoramic Camera</t>
  </si>
  <si>
    <t>5/6: High</t>
  </si>
  <si>
    <t>None: first</t>
  </si>
  <si>
    <t>B: second</t>
  </si>
  <si>
    <t>C: third</t>
  </si>
  <si>
    <t>D: fourth</t>
  </si>
  <si>
    <t>Описание продукта</t>
  </si>
  <si>
    <t>0: Pinhole/cube</t>
  </si>
  <si>
    <t>D</t>
  </si>
  <si>
    <t>UPF40</t>
  </si>
  <si>
    <t>IPC3238ER3-DVZ</t>
  </si>
  <si>
    <t>IPC262ER9-X10DU</t>
  </si>
  <si>
    <t>R9</t>
  </si>
  <si>
    <t>DVZ</t>
  </si>
  <si>
    <t>X10DU</t>
  </si>
  <si>
    <t>R</t>
  </si>
  <si>
    <t>X22</t>
  </si>
  <si>
    <t>74: PTZ Bulet</t>
  </si>
  <si>
    <t>H: 60fps</t>
  </si>
  <si>
    <t>A: Mic</t>
  </si>
  <si>
    <t>W: WiFi</t>
  </si>
  <si>
    <t>M: Metal base</t>
  </si>
  <si>
    <t>S: Simplified cable (only power and Network)</t>
  </si>
  <si>
    <t>D: True / Hardware WDR</t>
  </si>
  <si>
    <t>L: Low-light</t>
  </si>
  <si>
    <t>U: Starview (Ultra Low-light)</t>
  </si>
  <si>
    <t>IA: Smart (Intelligent Analysis)</t>
  </si>
  <si>
    <t>CM: Corridor Mode</t>
  </si>
  <si>
    <t>P: PoE</t>
  </si>
  <si>
    <t>N: Network Module</t>
  </si>
  <si>
    <t>2/3: Mid-range</t>
  </si>
  <si>
    <t>32G: встроенная память 32Гб eMMC</t>
  </si>
  <si>
    <t>IPC: Сетевая видеокамера / Network Camera</t>
  </si>
  <si>
    <t>L: Лазерная подсветка / IR LASER</t>
  </si>
  <si>
    <t>2: Цилиндрическая / Bullet</t>
  </si>
  <si>
    <t>21: Мини цилиндрическая с фикс.объективом / Mini Bullet Fixed lens</t>
  </si>
  <si>
    <t>22: Цилиндрическая с фикс.объективом / Bullet Fixed lens</t>
  </si>
  <si>
    <t>23: Цилиндрическая с вариофокальным объективом / Bullet Varifocal / Motorized</t>
  </si>
  <si>
    <t xml:space="preserve"> </t>
  </si>
  <si>
    <t>25: Цилиндрическая с 8ми дюймовым корпусом / Bullet 8"</t>
  </si>
  <si>
    <t>26: Цилиндрическая с 6ти дюймовым корпусом / Bullet 6"</t>
  </si>
  <si>
    <t>3: Купольная / Dome</t>
  </si>
  <si>
    <t>31: Мини купольная / Mini Dome</t>
  </si>
  <si>
    <t>32: Купольная / Dome</t>
  </si>
  <si>
    <t>⑧ Итерация микросхемы / Chip iteration</t>
  </si>
  <si>
    <t>⑧</t>
  </si>
  <si>
    <t>①</t>
  </si>
  <si>
    <t xml:space="preserve">① Продукт / Product </t>
  </si>
  <si>
    <t>②</t>
  </si>
  <si>
    <t>② Тип корпуса / Type</t>
  </si>
  <si>
    <t>④ Разрешение / Resolution</t>
  </si>
  <si>
    <t>⑤ Платформа</t>
  </si>
  <si>
    <t>⑦ Функционал продукта / Product function:</t>
  </si>
  <si>
    <t>③ HDD</t>
  </si>
  <si>
    <r>
      <rPr>
        <b/>
        <sz val="11"/>
        <color theme="0"/>
        <rFont val="Calibri"/>
        <family val="2"/>
        <scheme val="minor"/>
      </rPr>
      <t>③</t>
    </r>
  </si>
  <si>
    <r>
      <rPr>
        <b/>
        <sz val="11"/>
        <color theme="0"/>
        <rFont val="Calibri"/>
        <family val="2"/>
        <scheme val="minor"/>
      </rPr>
      <t>④</t>
    </r>
  </si>
  <si>
    <r>
      <rPr>
        <b/>
        <sz val="11"/>
        <color theme="0"/>
        <rFont val="Calibri"/>
        <family val="2"/>
        <scheme val="minor"/>
      </rPr>
      <t>⑤</t>
    </r>
  </si>
  <si>
    <r>
      <rPr>
        <b/>
        <sz val="11"/>
        <color theme="0"/>
        <rFont val="Calibri"/>
        <family val="2"/>
        <scheme val="minor"/>
      </rPr>
      <t>⑥</t>
    </r>
  </si>
  <si>
    <r>
      <rPr>
        <b/>
        <sz val="11"/>
        <color theme="0"/>
        <rFont val="Calibri"/>
        <family val="2"/>
        <scheme val="minor"/>
      </rPr>
      <t>⑦</t>
    </r>
  </si>
  <si>
    <r>
      <rPr>
        <b/>
        <sz val="11"/>
        <color theme="0"/>
        <rFont val="Calibri"/>
        <family val="2"/>
        <scheme val="minor"/>
      </rPr>
      <t>②</t>
    </r>
  </si>
  <si>
    <t>③ Заводская классификация</t>
  </si>
  <si>
    <t>L: Простая / Lite (серия Easy)</t>
  </si>
  <si>
    <t>S: Стандартная / Standard (серия Prime/Pro)</t>
  </si>
  <si>
    <t>E: Улучшенная / Enhanced (серия Prime/Pro)</t>
  </si>
  <si>
    <t>⑥ Тип подсветки</t>
  </si>
  <si>
    <t>36: Купольная турель типа / Turret Dome</t>
  </si>
  <si>
    <t>R: Инфракрасная подсветка (ИК)</t>
  </si>
  <si>
    <t>R: ИК 10-20м</t>
  </si>
  <si>
    <t>R3: ИК 30-40м</t>
  </si>
  <si>
    <t>R5: ИК 50-60м</t>
  </si>
  <si>
    <t>R9: ИК 90м</t>
  </si>
  <si>
    <t>RA: ИК 100м</t>
  </si>
  <si>
    <t>FW: Полный спектр белого цвета с интелектуальной ИК</t>
  </si>
  <si>
    <t>2: 2Мп</t>
  </si>
  <si>
    <t>3: 3Мп</t>
  </si>
  <si>
    <t>4: 4Мп</t>
  </si>
  <si>
    <t>5: 5Мп</t>
  </si>
  <si>
    <t>8: 8Мп /12Мп</t>
  </si>
  <si>
    <t>5: Корпусные видеокамеры / Box Camera</t>
  </si>
  <si>
    <t>54: Корпусные  видеокамеры серии Prime / Box Camera Prime Серия</t>
  </si>
  <si>
    <t>56: Корпусные  видеокамеры серии Pro / Box Camera Pro Серия</t>
  </si>
  <si>
    <t>6: Скоростные PTZ  видеокамеры / PTZ Dome</t>
  </si>
  <si>
    <t>4-х канальные IP видеорегистраторы</t>
  </si>
  <si>
    <t>Выводится из названия</t>
  </si>
  <si>
    <t>B: Кронштей / Bracket (выводится, так как все цилиндрические камеры в ассортименте идут с кронштейном</t>
  </si>
  <si>
    <t>Уличные  цилиндрические видеокамеры с фиксированным объективом</t>
  </si>
  <si>
    <t>Купольные  видеокамеры с фиксированным объективом</t>
  </si>
  <si>
    <t>Скоростные PTZ  видеокамеры</t>
  </si>
  <si>
    <t>Уличные  цилиндрические видеокамеры с вариофокальным объективом</t>
  </si>
  <si>
    <t>Купольные видеокамеры с вариофокальным объективом</t>
  </si>
  <si>
    <t>IPC2322LBR3-SP-D</t>
  </si>
  <si>
    <t>IPC2322LBR3-SPZ28-D</t>
  </si>
  <si>
    <t>IPC2324LBR3-SP-D</t>
  </si>
  <si>
    <t>IPC2324LBR3-SPZ28-D</t>
  </si>
  <si>
    <t>IPC3232LR3-VSP-D</t>
  </si>
  <si>
    <t>IPC3232LR3-VSPZ28-D</t>
  </si>
  <si>
    <t>IPC3234LR3-VSP-D</t>
  </si>
  <si>
    <t>IPC3234LR3-VSPZ28-D</t>
  </si>
  <si>
    <t>IPC2125LR3-PF40M-D</t>
  </si>
  <si>
    <t>IPC325LR3-VSPF40-D</t>
  </si>
  <si>
    <t>IPC3615LR3-PF28-D</t>
  </si>
  <si>
    <t>4-х канальные гибридные видеорегистраторы</t>
  </si>
  <si>
    <t>8-ми канальные гибридные видеорегистраторы</t>
  </si>
  <si>
    <t>16-ти канальные  гибридные видеорегистраторы</t>
  </si>
  <si>
    <t>X22: 22x кратное оптическое увеличение / 22x Optical Zoom</t>
  </si>
  <si>
    <t>F40: фиксированный объектив: 4мм / 4mm Fixed lens</t>
  </si>
  <si>
    <t>F28: фиксированный объектив: 2,8мм</t>
  </si>
  <si>
    <t>F60: фиксированный объектив: 6мм</t>
  </si>
  <si>
    <t>Z28: моторизированный объектив: 2,8-12мм</t>
  </si>
  <si>
    <t>Z: моторизированный объектив</t>
  </si>
  <si>
    <t>Объективы / Lens:</t>
  </si>
  <si>
    <t>② Серия / Series</t>
  </si>
  <si>
    <t>04: 4-х канальный / 4-ch</t>
  </si>
  <si>
    <t>08: 8-ми канальный / 8-ch</t>
  </si>
  <si>
    <t>16: 16-ти канальный / 16-ch</t>
  </si>
  <si>
    <t>24: 24-х канальный / 24-ch</t>
  </si>
  <si>
    <t>32: 32-х канальный / 32-ch</t>
  </si>
  <si>
    <t>48: 48-ми канальный / 48-ch</t>
  </si>
  <si>
    <t>64: 64-х канальный / 64-ch</t>
  </si>
  <si>
    <t>128: 128-ми канальный / 128-ch</t>
  </si>
  <si>
    <t>Px: число PoE портов</t>
  </si>
  <si>
    <t>E : Улучшенный корпус / Enhanced</t>
  </si>
  <si>
    <t>B: Базовый</t>
  </si>
  <si>
    <t>L : Пластиковый</t>
  </si>
  <si>
    <t>S: Стандартный</t>
  </si>
  <si>
    <t>P: наличие PoE</t>
  </si>
  <si>
    <t>⑤ Тип</t>
  </si>
  <si>
    <t>⑥  Подтип / Subtype</t>
  </si>
  <si>
    <t>U</t>
  </si>
  <si>
    <t>Q</t>
  </si>
  <si>
    <t>B</t>
  </si>
  <si>
    <t>N</t>
  </si>
  <si>
    <t>④ Видео вход / Video Input</t>
  </si>
  <si>
    <t>IPC2325LBR3-SPZ28-D</t>
  </si>
  <si>
    <t>IPC3235LR3-VSP-D</t>
  </si>
  <si>
    <t>IPC322ER3-DUVPF40-C</t>
  </si>
  <si>
    <t>IPC2322EBR5-DUPZ-C</t>
  </si>
  <si>
    <t>IPC3232ER3-DUVZ-C</t>
  </si>
  <si>
    <t>IPC3632ER3-DUPZ-C</t>
  </si>
  <si>
    <t>IPC2125SR3-ADUPF40</t>
  </si>
  <si>
    <t>IPC325ER3-DUVPF28</t>
  </si>
  <si>
    <t>IPC2325EBR5-DUPZ</t>
  </si>
  <si>
    <t>IPC3235ER3-DUVZ</t>
  </si>
  <si>
    <t>IPC3635ER3-DUPZ</t>
  </si>
  <si>
    <t>IPC322SR3-DVPF28-C</t>
  </si>
  <si>
    <t>IPC324ER3-DVPF36</t>
  </si>
  <si>
    <t>IPC312SR-VPF28-C</t>
  </si>
  <si>
    <t>IPC314SR-DVPF28</t>
  </si>
  <si>
    <t>IPC3232ER-VS-C</t>
  </si>
  <si>
    <t>IPC3234SR-DV</t>
  </si>
  <si>
    <t>IPC3632ER3-DPZ28-C</t>
  </si>
  <si>
    <t>IPC3634ER3-DPZ28</t>
  </si>
  <si>
    <t>IPC2124SR3-APF40</t>
  </si>
  <si>
    <t>IPC2322EBR5-P-C</t>
  </si>
  <si>
    <t>IPC542E-DLC-C</t>
  </si>
  <si>
    <t>NVR302-16S</t>
  </si>
  <si>
    <t>NVR302-16S-P8</t>
  </si>
  <si>
    <t>NVR302-16S-P16</t>
  </si>
  <si>
    <t>NVR304-32E-B</t>
  </si>
  <si>
    <t>NVR304-32EP-B</t>
  </si>
  <si>
    <t>NVR308-64E-B</t>
  </si>
  <si>
    <t>IP видеорегистраторы</t>
  </si>
  <si>
    <t>IP видеокамеры</t>
  </si>
  <si>
    <t>Корпусные  видеокамеры под  C/CS объектив</t>
  </si>
  <si>
    <t>Панорамные IP видеокамеры</t>
  </si>
  <si>
    <t>16-ти канальные IP видеорегистраторы</t>
  </si>
  <si>
    <t>32-х канальные IP видеорегистраторы</t>
  </si>
  <si>
    <t>8-ми и 9-ти канальные IP видеорегистраторы</t>
  </si>
  <si>
    <t>NVR302-09S</t>
  </si>
  <si>
    <t>Коммутатор PoE</t>
  </si>
  <si>
    <t>Клавиатура</t>
  </si>
  <si>
    <t>KB-1100</t>
  </si>
  <si>
    <t>MW3232-E</t>
  </si>
  <si>
    <t>MW3243-E</t>
  </si>
  <si>
    <t>HB-5043-E</t>
  </si>
  <si>
    <t>HB-5032-E</t>
  </si>
  <si>
    <t>HB-4032-E</t>
  </si>
  <si>
    <t>PWR-AC2403-EU-NB</t>
  </si>
  <si>
    <t>UNV KB-1100 Network Control Keyboard
• LCD screen display
• Four-dimensional joystick control
• Based on IP network
• Support multiple user permissions
• Connectable to NVR to control NVR menu and PTZ operations
• Multiple devices can be connected</t>
  </si>
  <si>
    <t>MW3222-V</t>
  </si>
  <si>
    <t>VS-ECDC</t>
  </si>
  <si>
    <t>KIT-ECDC-9-PWR1</t>
  </si>
  <si>
    <t>по запросу</t>
  </si>
  <si>
    <t>DUVPF40</t>
  </si>
  <si>
    <t>IPC324ER3-DVPF28</t>
  </si>
  <si>
    <t>HS-217S-IN</t>
  </si>
  <si>
    <t>HS-217SHB-BL</t>
  </si>
  <si>
    <t>HS-217SHB-IR</t>
  </si>
  <si>
    <t>G: SFP slot (fiber) / оптика</t>
  </si>
  <si>
    <t>IPC325LR3-VSPF28-D</t>
  </si>
  <si>
    <t>IPC3615LR3-PF40-D</t>
  </si>
  <si>
    <t>Комплект поставки NVR EASY</t>
  </si>
  <si>
    <t>Сетевой видеорегистратор</t>
  </si>
  <si>
    <t>1 шт.</t>
  </si>
  <si>
    <t>Указатель типа "Мышь"</t>
  </si>
  <si>
    <t>Блок питания</t>
  </si>
  <si>
    <t>Кабель питания</t>
  </si>
  <si>
    <t>Комплект монтажных частей</t>
  </si>
  <si>
    <t>1 компл.</t>
  </si>
  <si>
    <t>Инструкция-паспорт (Quick guide)</t>
  </si>
  <si>
    <t>Упаковка</t>
  </si>
  <si>
    <t>Комплект поставки ВИДЕОКАМЕР</t>
  </si>
  <si>
    <t>Сетевая видеокамера</t>
  </si>
  <si>
    <t>2 компл.</t>
  </si>
  <si>
    <t>Комплект поставки NVR</t>
  </si>
  <si>
    <t>ПДУ</t>
  </si>
  <si>
    <t/>
  </si>
  <si>
    <r>
      <t xml:space="preserve">Видеокамера IP Купольная антивандальная </t>
    </r>
    <r>
      <rPr>
        <b/>
        <sz val="11"/>
        <color rgb="FFFF0000"/>
        <rFont val="Calibri"/>
        <family val="2"/>
      </rPr>
      <t>5 Мп</t>
    </r>
    <r>
      <rPr>
        <sz val="11"/>
        <rFont val="Calibri"/>
        <family val="2"/>
      </rPr>
      <t xml:space="preserve"> с ИК подсветкой до 30м, фикс. объектив 2.8 мм 1/2,7" CMOS, угол обзора 105.3°,  ICR, 2592x1944:20fps, DWDR, Ultra 265/H.264/MJPEG, ICR, 0,01 Lux минимальная освещенность, IK10, IP67; -40°C до +60°C; 12V, PoE (IEEE802.3 af), Потребляемая мощность: макс. 5,5 Вт. Металлический корпус.</t>
    </r>
  </si>
  <si>
    <t>IPC2125LR3-PF60M-D</t>
  </si>
  <si>
    <t>IPC3235LR3-VSPZ28-D</t>
  </si>
  <si>
    <t>IPC2325LBR3-SP-D</t>
  </si>
  <si>
    <t>IPC6222ER-X20P-B</t>
  </si>
  <si>
    <t>РРЦ Руб. (MSRP RUB)</t>
  </si>
  <si>
    <t>IPC322SR3-DVPF40-C</t>
  </si>
  <si>
    <t>IPC312SR-VPF40-C</t>
  </si>
  <si>
    <t>IPC314SR-DVPF36</t>
  </si>
  <si>
    <t>IPC2324EBR-DPZ28</t>
  </si>
  <si>
    <t>LENS-DM3816-8M-NB</t>
  </si>
  <si>
    <t>LENS-DM1570-8M-NB</t>
  </si>
  <si>
    <t>LENS-DM0825-5M-NB</t>
  </si>
  <si>
    <t>LENS-DM0825-8M-NB</t>
  </si>
  <si>
    <t>Кожухи</t>
  </si>
  <si>
    <t>Объективы</t>
  </si>
  <si>
    <t>PWR-DC5611-P@NB</t>
  </si>
  <si>
    <t>Кронштейны и монтажные коробки для видеокамер</t>
  </si>
  <si>
    <t>TR-UF45-I-IN</t>
  </si>
  <si>
    <t>TR-JB07/WM03-F-IN</t>
  </si>
  <si>
    <t>TR-JB03-G-IN</t>
  </si>
  <si>
    <t>TR-JB04-C-IN</t>
  </si>
  <si>
    <t>TR-JB07/WM04-B-IN</t>
  </si>
  <si>
    <t>TR-UF45-J-IN</t>
  </si>
  <si>
    <t>TR-UP06-B-IN</t>
  </si>
  <si>
    <t>TR-WM03-B-IN</t>
  </si>
  <si>
    <t>TR-UF45-H-IN</t>
  </si>
  <si>
    <t>TR-UC08-A-IN</t>
  </si>
  <si>
    <t>TR-UC08-B-IN</t>
  </si>
  <si>
    <t>TR-UF45-E-IN</t>
  </si>
  <si>
    <t>TR-UP08-A-IN</t>
  </si>
  <si>
    <t>TR-JB06-IN</t>
  </si>
  <si>
    <t>TR-UP08-B-IN</t>
  </si>
  <si>
    <t>TR-WM04-IN</t>
  </si>
  <si>
    <t>TR-UM06-E-IN</t>
  </si>
  <si>
    <t>TR-WM03-C-IN</t>
  </si>
  <si>
    <t>TR-WM03-D-IN</t>
  </si>
  <si>
    <t>TR-JB07/WM03-E-IN</t>
  </si>
  <si>
    <t>TR-JB07/WM03-G-IN</t>
  </si>
  <si>
    <t>TR-JB06-A-IN</t>
  </si>
  <si>
    <t>TR-JB05-B-IN</t>
  </si>
  <si>
    <t>TR-CM24-IN</t>
  </si>
  <si>
    <t>TR-SE24-IN</t>
  </si>
  <si>
    <t>TR-SE24-A-IN</t>
  </si>
  <si>
    <t>TR-UP06-C-IN</t>
  </si>
  <si>
    <t>HB-4022-E</t>
  </si>
  <si>
    <t>NSW2010-6T-POE-IN</t>
  </si>
  <si>
    <t>NSW2010-10T-POE-IN</t>
  </si>
  <si>
    <t>NSW2010-16T2GC-POE-IN</t>
  </si>
  <si>
    <t>NSW2010-24T2GC-POE-IN</t>
  </si>
  <si>
    <t>NVR302-32S</t>
  </si>
  <si>
    <t>NVR304-32S</t>
  </si>
  <si>
    <t>DC5301</t>
  </si>
  <si>
    <t>NVR302-08E-P8-B</t>
  </si>
  <si>
    <t>NVR302-09E-B</t>
  </si>
  <si>
    <t>NVR302-16E-P16-B</t>
  </si>
  <si>
    <t>NVR302-16E-B</t>
  </si>
  <si>
    <t>NVR304-16E-B</t>
  </si>
  <si>
    <t>IPC2322EBR5-DPZ28-C</t>
  </si>
  <si>
    <t>IPC3232ER3-DVZ28-C</t>
  </si>
  <si>
    <t>IPC3234SR3-DVZ28</t>
  </si>
  <si>
    <r>
      <t xml:space="preserve">81: Fisheye (180°) Camera </t>
    </r>
    <r>
      <rPr>
        <b/>
        <sz val="11"/>
        <color theme="1"/>
        <rFont val="Calibri"/>
        <family val="2"/>
        <scheme val="minor"/>
      </rPr>
      <t>4Мп</t>
    </r>
  </si>
  <si>
    <r>
      <t xml:space="preserve">86: Fisheye (360°) Camera </t>
    </r>
    <r>
      <rPr>
        <b/>
        <sz val="11"/>
        <color theme="1"/>
        <rFont val="Calibri"/>
        <family val="2"/>
        <scheme val="minor"/>
      </rPr>
      <t>12Мп</t>
    </r>
  </si>
  <si>
    <t>Indoor Wall mount , 193mmx60mmx77mm(7.6" x 2.4"x 3.0") 0.2kg(0.44lb)</t>
  </si>
  <si>
    <t>Housing (Indoor) 305mmx115.4mmx92mm (12.0" x 4.5"x 3.6") 0.8kg(1.8lb)</t>
  </si>
  <si>
    <r>
      <t xml:space="preserve">Видеокамера IP Уличная цилиндрическая </t>
    </r>
    <r>
      <rPr>
        <b/>
        <sz val="11"/>
        <rFont val="Calibri"/>
        <family val="2"/>
      </rPr>
      <t>5 Мп</t>
    </r>
    <r>
      <rPr>
        <sz val="11"/>
        <rFont val="Calibri"/>
        <family val="2"/>
      </rPr>
      <t xml:space="preserve"> с ИК подсветкой до 30м, фикс. объектив 4.0 мм 1/2,7" CMOS, угол обзора 79.7°,  ICR, 2592×1944:20fps, DWDR, Ultra 265/H.264/MJPEG, ICR, 0,01 Lux минимальная освещенность, IP67; -40°C до +60°C; 12V, PoE (IEEE802.3 af), Потребляемая мощность: макс. 5,5 Вт. Металлический корпус.</t>
    </r>
  </si>
  <si>
    <r>
      <t xml:space="preserve">Видеокамера IP Уличная цилиндрическая </t>
    </r>
    <r>
      <rPr>
        <b/>
        <sz val="11"/>
        <rFont val="Calibri"/>
        <family val="2"/>
      </rPr>
      <t>5 Мп</t>
    </r>
    <r>
      <rPr>
        <sz val="11"/>
        <rFont val="Calibri"/>
        <family val="2"/>
      </rPr>
      <t xml:space="preserve"> с ИК подсветкой до 30м, фикс. объектив 6.0 мм 1/2,7" CMOS, угол обзора 50.5°,  ICR, 2592×1944:20fps, DWDR, Ultra 265/H.264/MJPEG, ICR, 0,01 Lux минимальная освещенность, IP67; -40°C до +60°C; 12V, PoE (IEEE802.3 af), Потребляемая мощность: макс. 5,5 Вт. Металлический корпус.</t>
    </r>
  </si>
  <si>
    <r>
      <t xml:space="preserve">Видеокамера IP Купольная  </t>
    </r>
    <r>
      <rPr>
        <b/>
        <sz val="11"/>
        <rFont val="Calibri"/>
        <family val="2"/>
      </rPr>
      <t>5 Мп</t>
    </r>
    <r>
      <rPr>
        <sz val="11"/>
        <rFont val="Calibri"/>
        <family val="2"/>
      </rPr>
      <t xml:space="preserve"> с ИК подсветкой до 30м, фикс. объектив 2,8 мм 1/2,7" CMOS, угол обзора  105.3°,  ICR, 2592x1944:20fps, DWDR, Ultra 265/H.264/MJPEG, ICR, 0,01 Lux минимальная освещенность, IP67; -40°C до +60°C; 12V, PoE (IEEE802.3 af), Потребляемая мощность: макс. 5,5 Вт. Металлический корпус.</t>
    </r>
  </si>
  <si>
    <r>
      <t xml:space="preserve">Видеокамера IP Купольная  </t>
    </r>
    <r>
      <rPr>
        <b/>
        <sz val="11"/>
        <rFont val="Calibri"/>
        <family val="2"/>
      </rPr>
      <t>5 Мп</t>
    </r>
    <r>
      <rPr>
        <sz val="11"/>
        <rFont val="Calibri"/>
        <family val="2"/>
      </rPr>
      <t xml:space="preserve"> с ИК подсветкой до 30м, фикс. объектив 2,8 мм 1/2,7" CMOS, угол обзора  79.7°,  ICR, 2592x1944:20fps, DWDR, Ultra 265/H.264/MJPEG, ICR, 0,01 Lux минимальная освещенность, IP67; -40°C до +60°C; 12V, PoE (IEEE802.3 af), Потребляемая мощность: макс. 5,5 Вт. Металлический корпус.</t>
    </r>
  </si>
  <si>
    <t>Focal Length 3.8~16mm
Iris F1.6~ F2.8, DC auto-Iris
Lens Mount CS
Format 1/1.7″
Horizontal Angle of View 103.5°~28°(H)
Dimensions(mm) Φ49.5mmx83.4mm
Weight 0.2kg(0.44lb)</t>
  </si>
  <si>
    <t>Focal Length 8~25mm
Iris F1.4, DC auto-Iris
Lens Mount CS
Format 1/1.8″
Horizontal Angle of View 51.9°~17.1°(H)
Dimensions(mm) Φ50mmx83.5mm (Φ1.97” x 3.29”)
Weight 0.27kg(0.60lb)</t>
  </si>
  <si>
    <t>Focal Length 15~70mm
Iris F1.5, DC auto-Iris
Lens Mount C
Format 1/1.7″
Horizontal Angle of View 26°~6.3°(H)
Dimensions(mm) Φ58mmx113mm (Φ2.29” x 4.45” )
Weight 0.45kg(0.99lb)</t>
  </si>
  <si>
    <t>Focal Length 8~25mm
Iris F1.4, DC auto-Iris
Lens Mount CS
Format 1/1.8″
Horizontal Angle of View 50.9°~17.3°(H)
Dimensions(mm) Φ50mmx83.5mm (Φ1.97” x 3.29”)
Weight 0.27kg(0.60lb)</t>
  </si>
  <si>
    <t>Indoor pendent mount  (Need TR-UF45-I-IN) Φ116.5mmx239mm(Φ4.6" x9.4") 0.67kg(1.5lb)</t>
  </si>
  <si>
    <t>Pendent mount for housing 491mmx239mmx100mm(19.3" x9.4" x3.9" ) 0.61kg(1.3lb)</t>
  </si>
  <si>
    <t>In-ceiling mount Φ235mmx63mm(Φ9.3" x2.5") 0.49kg(1.1 lb)</t>
  </si>
  <si>
    <t>IPC2122SR3-PF40-C</t>
  </si>
  <si>
    <t>In-ceiling mount Φ280mmx172.4mm (Φ11" x6.8") 2kg(4.4lb)</t>
  </si>
  <si>
    <t>Junction box 296mmx244mmx127mm (11.7" x9.6" x5") 2.5kg(5.5lb)</t>
  </si>
  <si>
    <t>Pendent  mount (200 mm ,need TR-UF45-A-IN &amp; TR-CE45-IN) Φ59mmx226mm(Φ2.3" x8.9") 0.42kg(0.9lb)</t>
  </si>
  <si>
    <t>Ceiling mount (500 mm ,need TR-UF45-A-IN &amp; TR-CE45-IN) Φ59mmx526mm(Φ2.3" x20.7") 0.93kg(2.1lb)</t>
  </si>
  <si>
    <t>Electric-box Transfer plate Φ145mmx13mm (5.7" x0.5") 0.13kg(0.29lb)</t>
  </si>
  <si>
    <t>Corridor mode installation 70mmx52mmx52mm (2.8"x2.0"x2.0") 0.1kg(0.22lb)</t>
  </si>
  <si>
    <t>Corner mount (Al Alloy) (Need TR-WE45-IN) 215mmx210mmx122mm(8.5" x 8.3"x 4.8") 1.87kg(4.1lb)</t>
  </si>
  <si>
    <t>Corner mount (Steel) (Need TR-WE45-IN) 215mmx210mmx122mm(8.5" x 8.3"x 4.8") 1.87kg(4.1lb)</t>
  </si>
  <si>
    <t>Wall mont(Need TR-UF45-C-IN) 230.3mmx141mmx201.5mm(9.1" x 5.6"x 7.9") 0.79kg(1.74lb)</t>
  </si>
  <si>
    <t>Wall mount 216mmx141mmx314mm(8.5" x 5.6"x 12.4") 1.0kg(2.2lb)</t>
  </si>
  <si>
    <t>Wall mount  4.2kg(9.26lb)</t>
  </si>
  <si>
    <t>Pendent  mount adaptor Φ116mmx30.5mm (Φ4.6" x1.2") 0.3kg(0.66lb)</t>
  </si>
  <si>
    <t>Indoor pendent mount adapter Φ149mmx44mm(Φ5.9" x1.7") 0.2kg（0.44lb)</t>
  </si>
  <si>
    <t>Indoor Wall /Pendent  mount Φ105mmx154.5mm(Φ4.1" x6.1") 0.2kg(0.44lb)</t>
  </si>
  <si>
    <t>Vertical Pole mount (Steel) (Need TR-WE45-IN) 215mmx170mmx52mm(4.7" x 4.7"x 2.1") 1.47kg(3.2lb)</t>
  </si>
  <si>
    <t>Vertical Pole mount (Al Alloy) (Need TR-WE45-IN) 215mmx170mmx52mm(4.7" x 4.7"x 2.1") 1.47kg(3.2lb)</t>
  </si>
  <si>
    <t>Indoor pendent mount adapter Φ145mmx44mm(Φ5.7" x1.7") 0.21kg(0.46lb)</t>
  </si>
  <si>
    <t>Tilted mounting Φ149mmx44mm (5.9" x 1.7") 0.22kg(0.49lb)</t>
  </si>
  <si>
    <t>Pole mount(Need TR-WM04-IN or TR-JB07/WM04-IN or TR-JB07/WM04-A-IN) 120mmx120mmx53.4mm(4.7" x 4.7"x 2.1") 0.45kg(0.99lb)</t>
  </si>
  <si>
    <t>3D Adjustable Mounting Bracket / Outdoor, pole or rail installation for housing 115mmx103mmx100mm(4.5" x 4.1"x 3.9") 0.8kg(1.76lb)</t>
  </si>
  <si>
    <t>Wall mount 208mmx125mmx125mm (8.2" x4.9" x4.9") 0.48kg(1.1lb)</t>
  </si>
  <si>
    <t>Wall mount for housing 300mmx80mmx133.2mm(11.8" x 3.1"x 5.2") 0.41kg(0.9lb)</t>
  </si>
  <si>
    <t>NPT ¾"Plastic Waterproof joint NPT 3/4" 0.025kg(0.055lb)</t>
  </si>
  <si>
    <t>Fish Eye Dome Plate Mount, Indoor and outdoor; Dimensions Φ125.2mmx44mm(Φ4.9” x 1.7”) Weight 0.155kg(0.34lb) Material Aluminum alloy. Application Lite series fish eye dome. Combination with TR-CE45-IN、TR-UF45-A-IN、TR-UF45-G</t>
  </si>
  <si>
    <t>Fixed Dome Outdoor Wall Mount, wall installation for IPC363X and IPC36XXS/E series fixed dome(Extra back outlet) Dimensions Φ125mm*125mm*233mm (4.92” x4.92”x9.17”) Weight 0.98kg(2.16lb) Material Aluminum alloy</t>
  </si>
  <si>
    <t>Fixed Dome Outdoor Wall Mount, wall installation for IPC323X series fixed dome(Extra back outlet) Dimensions Φ125mm*125mm*252.5mm (4.92” x4.92”x9.94”) Weight 0.98kg(2.16lb) Material Aluminum alloy</t>
  </si>
  <si>
    <t>Fixed Dome Outdoor Wall Mount, wall installation for IPC36XXL series fixed dome(Extra back outlet) Dimensions Φ125mm*125mm*228mm (4.92” x4.92”x8.98”) Weight 1kg(2.20lb) Material Aluminum alloy</t>
  </si>
  <si>
    <t>3-inch Fixed Dome Wall Mount, Wall installation for IPC32X and IPC361X series Dimensions 126.2mmx126.2mmx233mm (5” x5” x9.2”) Weight 0.96kg(2.1lb) Material Aluminum alloy</t>
  </si>
  <si>
    <t>Fixed Dome Junction Box, Junction box for IPC32X Series and IPC31x series fixed dome. Dimensions φ106.6mm*36mm (4.20” x1.42”) Weight 0.2kg(0.44lb) Material Aluminum alloy</t>
  </si>
  <si>
    <t>Wall installation for IPC323X Series fixed dome Dimensions Φ144.8mm*40mm (5.70” x1.57”) Weight 0.3kg(0.66lb) Material Aluminum alloy</t>
  </si>
  <si>
    <t>3 Inch Fixed Dome Plate Mount, Indoor, wall or pendant installation for IPC32X series Dimensions Φ108.5mmx35mm(Φ4.3” x1.4”) Weight 180g(0.39lb) Material Aluminum alloy</t>
  </si>
  <si>
    <t>Pole Mount Adapter, Outdoor, pole or rail installation for bullet camera of IPC22X and IPC24X series Dimensions(L × W × H) 99mmx90mmx38mm (3.9”x3.5”x1.5”) Weight 0.2kg(0.44lb) Material Aluminum, Stainless steel</t>
  </si>
  <si>
    <t>3-inch Fixed Dome Mount, Wall installation for IPC32X and IPC361X series Dimensions 126mmx126mmx188mm (5” x5” x7.4” Weight 0.5kg(1.1lb) Material Aluminum alloy</t>
  </si>
  <si>
    <t>Fixed Dome Plate Mount, Wall or pendant installation for FixedDome, Dimensions Φ149mmx44mm(Φ5.9” x1.7”) Weight 0.22kg(0.49lb) Material Aluminum alloy</t>
  </si>
  <si>
    <t>Bullet Camera Junction Box, junction box for IPC21XX series with circular base (Extra back outlet), Dimensions Φ93mm*93mm*43mm (3.66”x3.66”x1.69”) Weight 0.2kg(0.44lb) Material Aluminum alloy</t>
  </si>
  <si>
    <t>Fixed Dome Indoor Incline Mount. Indoor, incline installation for fixed dome. Dimensions Φ109.6mmx24.2mm (3.6” x 0.8”) Weight 0.04kg(0.1lb) Material Plastic</t>
  </si>
  <si>
    <t>3-inch Fixed Dome Mount. Wall installation for IPC32X and IPC361X series
Dimensions 126.2mmx126.2mmx188mm (5” x5” x7.4”) Weight 0.51kg(1.1lb) Material Aluminum alloy</t>
  </si>
  <si>
    <t>Fixed Dome Mount. Wall installation for IPC32XS/E/L series. Dimensions 126mmx127mmx183mm (4.96” x5” x7.20”) Weight 0.52kg(1.15lb) Material Aluminum alloy</t>
  </si>
  <si>
    <t>Bullet Camera Junction Box. Outdoor or indoor cable junction box for IPC23XX OEM series(Extra back outlet). Dimensions Φ104mm*104mm*55.5mm (4.09” x4.09”x2.19”) Weight 0.42kg(0.93lb) Material Aluminum alloy</t>
  </si>
  <si>
    <t>Bullet Camera Junction Box. Junction box for IPC21XX series with circular base(Extra back outlet).
Dimensions Φ104.4mm*54.5mm(4.11” x2.15”) Weight 0.36kg(0.79lb) Material Aluminum alloy</t>
  </si>
  <si>
    <t>Fixed Dome Indoor Pendant Mount. Wall installation for IPC323X Series fixed dome
Dimensions Φ110mm*223.5mm (4.33” x8.80”) Weight 0.25kg(0.55lb) Material Aluminum alloy</t>
  </si>
  <si>
    <t>Fixed Dome Pendant Mount. Indoor or outdoor, Fixed Dome Pendant Installation
Dimensions Φ32mmx220mm(Φ1.26”x8.66”) Weight 0.16kg(0.35lb) Material Aluminum alloy</t>
  </si>
  <si>
    <t>Fixed Dome Pendant Mount. Indoor or outdoor, Fixed Dome Pendant Installation
Dimensions Φ32mmx520mm(Φ1.26”x20.47”) Weight 0.35kg(0.77lb) Material Aluminum alloy</t>
  </si>
  <si>
    <t>Pole Mount Adapter. Outdoor, pole or rail installation for bullet camera of IPC23XX OEM、IPC23XX/22X、IPC74X and IPC252/26X series
Dimensions(L × W × H) 127mmx136mmx62.5mm (5”x5.35”x2.46”) Weight 0.34kg(0.75lb) Material Aluminum alloy</t>
  </si>
  <si>
    <t>Resolution</t>
    <phoneticPr fontId="4" type="noConversion"/>
  </si>
  <si>
    <t>Compression</t>
    <phoneticPr fontId="4" type="noConversion"/>
  </si>
  <si>
    <t>LENS</t>
    <phoneticPr fontId="4" type="noConversion"/>
  </si>
  <si>
    <t>PoE</t>
    <phoneticPr fontId="4" type="noConversion"/>
  </si>
  <si>
    <t>(Micro)SD 
Slot</t>
    <phoneticPr fontId="4" type="noConversion"/>
  </si>
  <si>
    <t>Corridor 
Mode</t>
    <phoneticPr fontId="4" type="noConversion"/>
  </si>
  <si>
    <t>Alarm
 I/0</t>
    <phoneticPr fontId="4" type="noConversion"/>
  </si>
  <si>
    <t>Reset 
Button</t>
    <phoneticPr fontId="4" type="noConversion"/>
  </si>
  <si>
    <t>Features</t>
    <phoneticPr fontId="4" type="noConversion"/>
  </si>
  <si>
    <t>Description</t>
    <phoneticPr fontId="5" type="noConversion"/>
  </si>
  <si>
    <t>Ultra 265</t>
  </si>
  <si>
    <t>4.0mm, Fixed</t>
  </si>
  <si>
    <t>√</t>
  </si>
  <si>
    <t>X</t>
  </si>
  <si>
    <t>4MP</t>
  </si>
  <si>
    <t>Mic</t>
  </si>
  <si>
    <t>1/1</t>
  </si>
  <si>
    <t>5MP</t>
  </si>
  <si>
    <t>2.8mm, Fixed</t>
  </si>
  <si>
    <t xml:space="preserve">120dB WDR, IP66&amp;IK10, 3-Axis, Mic,Smart functions  </t>
  </si>
  <si>
    <t>2.8-12mm, Motorized</t>
  </si>
  <si>
    <t>20X</t>
  </si>
  <si>
    <t>N/A</t>
  </si>
  <si>
    <t>2/1</t>
  </si>
  <si>
    <t>22X</t>
  </si>
  <si>
    <t>4-ch, 1 SATA interface,Mini 1U, H.265&amp;4K</t>
  </si>
  <si>
    <t>4/1</t>
  </si>
  <si>
    <t xml:space="preserve">1U </t>
  </si>
  <si>
    <t>4-ch, 1 SATA interface, 4 PoE, Mini 1U, H.265&amp;4K</t>
  </si>
  <si>
    <t>1U</t>
  </si>
  <si>
    <t>4-ch, 1 SATA interface, 4 PoE, Smart 1U, H.265&amp;4K</t>
  </si>
  <si>
    <t>8-ch, 1 SATA interface, 8 PoE, Mini 1U, H.265</t>
  </si>
  <si>
    <t>8-ch, 1 SATA interface,Mini 1U, H.265&amp;4K</t>
  </si>
  <si>
    <t>48Mbps</t>
  </si>
  <si>
    <t>8-ch, 1 SATA interface, 8 PoE, Mini 1U, H.265&amp;4K</t>
  </si>
  <si>
    <t>8-ch, 1 SATA interface, 8 PoE, Smart 1U, H.265&amp;4K</t>
  </si>
  <si>
    <t>8-ch, 2 SATA interface, 1U, 8 PoE, H.265&amp;4K</t>
  </si>
  <si>
    <t>64Mbps</t>
  </si>
  <si>
    <t>16-ch, 2 SATA interface, 1U, 16 PoE, H.265&amp;4K</t>
  </si>
  <si>
    <t>80Mbps</t>
  </si>
  <si>
    <t>16-ch, 1 SATA interface, 8 PoE, Smart 1U, H.265&amp;4K</t>
  </si>
  <si>
    <t>16-ch, 1 SATA interface,Mini 1U, H.265&amp;4K</t>
  </si>
  <si>
    <t>160Mbps</t>
  </si>
  <si>
    <t>16/4</t>
  </si>
  <si>
    <t>32-ch, 4 SATA interface, 1U, H.265&amp;4K, Dual Network interface</t>
  </si>
  <si>
    <t>N/A</t>
    <phoneticPr fontId="4" type="noConversion"/>
  </si>
  <si>
    <r>
      <t>Видеокамера IP Купольная антивандальная</t>
    </r>
    <r>
      <rPr>
        <sz val="11"/>
        <color rgb="FFFF0000"/>
        <rFont val="Calibri"/>
        <family val="2"/>
      </rPr>
      <t xml:space="preserve"> </t>
    </r>
    <r>
      <rPr>
        <b/>
        <sz val="11"/>
        <color rgb="FFFF0000"/>
        <rFont val="Calibri"/>
        <family val="2"/>
      </rPr>
      <t>5 Мп</t>
    </r>
    <r>
      <rPr>
        <sz val="11"/>
        <rFont val="Calibri"/>
        <family val="2"/>
      </rPr>
      <t xml:space="preserve"> с ИК подсветкой до 30м, фикс. объектив 4.0 мм 1/2,7" CMOS, угол обзора 79.7°,  ICR, 2592x1944:20fps, DWDR, Ultra 265/H.264/MJPEG, ICR, 0,01 Lux минимальная освещенность, IK10, IP67; -40°C до +60°C; 12V, PoE (IEEE802.3 af), Потребляемая мощность: макс. 5,5 Вт. Металлический корпус.</t>
    </r>
  </si>
  <si>
    <t>Основные характеристики</t>
  </si>
  <si>
    <t>33X</t>
  </si>
  <si>
    <t>TR-JB04-B-IN</t>
  </si>
  <si>
    <t>TR-JB07-B-IN</t>
  </si>
  <si>
    <t>TR-JB07/WM03-C-IN</t>
  </si>
  <si>
    <t>TR-JB05-IN</t>
  </si>
  <si>
    <t>TR-JB07/WM04-IN</t>
  </si>
  <si>
    <t>TR-JB03-H-IN</t>
  </si>
  <si>
    <t>TR-JB04-D-IN</t>
  </si>
  <si>
    <t>TR-JB03-I-IN</t>
  </si>
  <si>
    <t>TR-JB07-D-IN</t>
  </si>
  <si>
    <t>TR-JB05-A-IN</t>
  </si>
  <si>
    <t>TR-WM06-F</t>
  </si>
  <si>
    <t>Fixed Dome Junction Box, Wall installation for IPC34 Series fixed dome and IPC81 Series fisheye camera
Dimensions Φ149.2mmx40mm (5.9” x1.6”)
Weight 0.28kg(0.6lb)
Material Aluminum alloy</t>
  </si>
  <si>
    <t>7-inch Junction Box, Outdoor or indoor cable junction box for IPC2XX and IPC74X series(Extra back outlet)
Dimensions 126mmx125mmx55mm (5.0” x4.9” x2.2”)
Weight 0.72kg(1.6lb)
Material Aluminium alloy</t>
  </si>
  <si>
    <t>Bullet Junction Box, Outdoor or indoor cable junction box for IPC23XX/222X、IPC74X and IPC252/26X series(Extra back outlet)
Dimensions Φ125mm*125mm*55mm (4.92” x4.92”x2.17”)
Weight 0.75kg(1.65lb)
Material Aluminum alloy</t>
  </si>
  <si>
    <t>3-inch Fixed Dome Outdoor Wall Mount, wall installation for 3-inch fixed dome(Extra back outlet)
Dimensions 126mmx126mmx233mm (5” x5” x9.2”)
Weight 1.0kg(2.2lb)
Material Aluminum alloy</t>
  </si>
  <si>
    <t>10×100Mbps network ports (RJ45), including 8 PoE ports, IEEE802.3,IEEE802.3u,IEEE802.3az,IEEE802.3x,IEEE802.3af,IEEE802.3at, 2Gbps 1.49Mpps 2Mbit 8K 220mm x 150mm x 44mm(8.7"×5.9"×1.7") &lt;1.22kg AC: 100-240V, 50/60Hz, 802.3at/af, Max capacity: 120W Max capacity for single port: 30W</t>
  </si>
  <si>
    <t>16×100Mbps PoE ports (RJ45)+2×1000Mbps Combo ports IEEE802.3,IEEE802.3u,IEEE802.3z,IEEE802.3ab,IEEE802.3x,IEEE802.3af,IEEE802.3at,IEEE802.3az 7.2Gbps 5.36Mpps 4M bit 16K 440mm x 207mm x 44mm(17.3"×8.1"×1.7") &lt;4.2kg, AC: 100-240V, 50/60Hz 802.3at/af, Max capacity: 250W
Max capacity for single port: 30W, Cooling Fans =2</t>
  </si>
  <si>
    <t>24×100Mbps PoE ports (RJ45)+2×1000Mbps Combo ports, IEEE802.3,IEEE802.3u,IEEE802.3z,IEEE802.3ab,IEEE802.3x,IEEE802.3af,IEEE802.3at,IEEE802.3az, 8.8Gbps 6.55Mpps 4Mbit 16K 440mm x 280mm x 4416mm(17.3"×11"×1.7") &lt;4.2kg, AC: 100-240V, 50/60Hz 802.3at/af, Max capacity: 370W Max capacity for single port: 30WCooling Fans = 2</t>
  </si>
  <si>
    <t>6×100Mbps network ports (RJ45), including 4 PoE ports IEEE802.3,IEEE802.3u,IEEE802.3az,IEEE802.3x,IEEE802.3af,IEEE802.3at 1.2Gbps 0.90Mpps 768Kbit 2K 160mm x 93mm x 32mm (6.3"×3.7"×1.3") &lt;0.6kg AC: 100-240V, 50/60Hz 802.3at/af Max capacity: 65W Max capacity for single port: 30W</t>
  </si>
  <si>
    <t>Mini Bullet Camera Junction Box, Junction box for mini bullet dome camera(Extra back outlet)
Dimensions 93mmx93mmx43mm(3.7” x3.7”x 1.7”)
Weight 0.2kg(0.44lb)
Material Aluminum alloy</t>
  </si>
  <si>
    <t>Mini Bullet Camera Junction Box, Junction box for mini bullet dome camera(Extra back outlet)
Dimensions Φ93mm*93mm*39mm (3.66” x3.66”x1.54”)
Weight 0.2kg(0.44lb)
Material Aluminum alloy</t>
  </si>
  <si>
    <t>4-inch Fixed Dome Outdoor Wall Mount, Outdoor, wall installation for 4-inch fixed dome
Dimensions 253mmx125mmx125mm (10” x4.9” x4.9”)
Weight 0.96kg(2.1lb)
Material Aluminum alloy</t>
  </si>
  <si>
    <t>Fixed Dome Junction Box, Junction box for IPC363X Series, IPC36XXS/E Series fixed dome and 4MP fisheye
Dimensions Φ126mm*36mm (4.96” x1.42”)
Weight 0.24kg(0.53lb)
Material Aluminum alloy</t>
  </si>
  <si>
    <t>Fixed Dome Junction Box, Wall installation for 8MP fisheye
Dimensions Φ149.2mm*40mm (5.87” x1.57”)
Weight 0.31kg(0.68lb)
Material Aluminum alloy</t>
  </si>
  <si>
    <t>Fixed Dome Junction Box, Wall installation for IPC36XXL Series fixed dome
Dimensions Φ117.8mm*36mm (4.64” x1.42”)
Weight 0.2kg(0.44lb)
Material Aluminum alloy</t>
  </si>
  <si>
    <t>32-ch, 2 SATA interface, 1U,  H.265&amp;4K</t>
  </si>
  <si>
    <r>
      <t xml:space="preserve">Видеокамера IP Уличная цилиндрическая </t>
    </r>
    <r>
      <rPr>
        <b/>
        <sz val="11"/>
        <color rgb="FFFF0000"/>
        <rFont val="Calibri"/>
        <family val="2"/>
      </rPr>
      <t>Starview 5 Мп</t>
    </r>
    <r>
      <rPr>
        <sz val="11"/>
        <rFont val="Calibri"/>
        <family val="2"/>
      </rPr>
      <t xml:space="preserve"> с ИК подсветкой до 30 м., фикс. объектив 4/6мм, 1/2.7" CMOS, угол обзора 79.7°/50.5°, ICR, 2592x1944:20fps / 1920x1080:25fps, Ultra 265/H.264/MJPEG, </t>
    </r>
    <r>
      <rPr>
        <b/>
        <sz val="11"/>
        <color rgb="FFFF0000"/>
        <rFont val="Calibri"/>
        <family val="2"/>
      </rPr>
      <t>WDR 120dB, Starlight: 0.005 Lux</t>
    </r>
    <r>
      <rPr>
        <sz val="11"/>
        <rFont val="Calibri"/>
        <family val="2"/>
      </rPr>
      <t xml:space="preserve"> минимальная освещенность</t>
    </r>
    <r>
      <rPr>
        <sz val="11"/>
        <rFont val="Calibri"/>
        <family val="2"/>
      </rPr>
      <t>, встроенный микрофон.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6,4 Вт</t>
    </r>
  </si>
  <si>
    <t>IPC2122LR3-PF28M-D</t>
  </si>
  <si>
    <t>IPC2124LR3-PF28M-D</t>
  </si>
  <si>
    <t>Wi-Fi IP видеокамеры с фиксированным объективом</t>
  </si>
  <si>
    <t>IPC2122SR3-F40W-D</t>
  </si>
  <si>
    <t>IPC2124LR3-F40W-D</t>
  </si>
  <si>
    <t>IPC322SR3-VSF28W-D</t>
  </si>
  <si>
    <t>5X</t>
  </si>
  <si>
    <t>mic</t>
  </si>
  <si>
    <t>DWDR,PoE, HLC,1024preset</t>
  </si>
  <si>
    <t>1/2.9" CMOS, ICR, 1920x1080:30fps, Ultra 265/H.264/MJPEG, Triple streams, DC12V, PoE,Micro SD card slot,  -10-50℃,5x lens(2.7~ 13.5mm), IR range: up to 30m, Built-in Mic</t>
  </si>
  <si>
    <t>IPC6415SR-X5UPW</t>
  </si>
  <si>
    <t>120dB WDR,PoE, HLC,1024preset</t>
  </si>
  <si>
    <t>1/2.8" CMOS, ICR, 2592 × 1944 30fps, Ultra 265/H.264/MJPEG, Triple streams, DC12V, PoE,Micro SD card slot,  -10-50℃,5x lens(2.7~ 13.5mm), IR range: up to 30m, Built-in Mic
Built-in Speaker,Alarm in/out 1/1,120dB WDR</t>
  </si>
  <si>
    <t>IPC815SR-DVSPF14</t>
  </si>
  <si>
    <t>IPC815SR-DVPF14</t>
  </si>
  <si>
    <t>NVR301-08LS2-P8</t>
  </si>
  <si>
    <t>NVR301-08LX-P8</t>
  </si>
  <si>
    <t>NVR301-08S2</t>
  </si>
  <si>
    <t>NVR301-08S2-P8</t>
  </si>
  <si>
    <t>NVR301-08X-P8</t>
  </si>
  <si>
    <t>TR-WE45-D-IN</t>
  </si>
  <si>
    <t>TR-CM06-C-IN</t>
  </si>
  <si>
    <t>TR-UV06-C-IN</t>
  </si>
  <si>
    <t>HB-5028-E</t>
  </si>
  <si>
    <t>NVR301-04S2</t>
  </si>
  <si>
    <t>NVR301-04S2-P4</t>
  </si>
  <si>
    <t>NVR301-04LS2-P4</t>
  </si>
  <si>
    <t>120dB WDR, IP66, 20X optical zoom, HLC, 
Smart functions, EIS</t>
  </si>
  <si>
    <t>1/2.8" CMOS, ICR, 1920x1080:30fps, Ultra 265/H.264/MJPEG, Triple streams, AC24V/DC24V/PoE, Micro SD card slot, Alarm in/out 1/1, Audio, -40-65℃, IP66, 20x optical zoom(5.2 ~ 104mm), IR range: up to 150m, IR anti-reflection window</t>
  </si>
  <si>
    <t>IPC6412LR-X5P</t>
  </si>
  <si>
    <t>Видеокамера IP Мини-купольная антивандальная 2 Мп с ИК подсветкой до 15 м., фикс. объектив 2,8/4мм, 1/3" CMOS, угол обзора 107.8°/82°, ICR, 1920x1080:25fps, Ultra 265/H.264/MJPEG, DWDR, 0.005 Lux минимальная освещенность, cлот micro SD (256Gb), Audio ввод/вывод 1/1, втроенный микрофон.  Smart функции - Вторжение в зону, пересечение линий, аудио детекция, детекция лиц, расфокусировка, смена сцены, подсчет посетителей.  IP66/IK10; -40°C до +60°C; 12V, PoE (IEEE802.3 af), Потребляемая мощность: макс. 5 Вт</t>
  </si>
  <si>
    <t>Видеокамера IP Уличная цилиндрическая Starview 5 Мп с ИК подсветкой до 50 м., моторизированный объектив 2.7-13.5мм, 1/2.7" CMOS, угол обзора 93.38° ~28.56°, ICR, 2592x1944:20fps / 1920x1080:25fps, Ultra 265/H.264/MJPEG, WDR 120dB, Starlight: 0.002Lux (F1.2, AGC ON) минимальная освещенность, cлот micro SD (256Gb),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10 Вт</t>
  </si>
  <si>
    <t>Видеокамера IP Купольная антивандальная Starview 5 Мп с ИК подсветкой до 30 м., моторизированный объектив 2.7-13.5мм, 1/2.7" CMOS, угол обзора 93.38° ~28.56°, ICR, 2592x1944:20fps / 1920x1080:25fps, Ultra 265/H.264/MJPEG, WDR 120dB, Starlight: 0.002Lux (F1.2, AGC ON) минимальная освещенность, cлот micro SD (256Gb),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IK10; -40°C до +60°C; 12V, PoE (IEEE802.3 af), Потребляемая мощность: макс. 8,7 Вт</t>
  </si>
  <si>
    <t>Fisheye IP видеокамера 5 Мп с ИК подсветкой до 10 м., фикс.объектив 1.4мм, 1/2.8" CMOS, угол обзора  180°, ICR, 2560×1440:25fps / 1920x1080:25fps, Ultra 265/H.264/MJPEG, WDR 120dB, 0.02 Lux минимальная освещенность, Тип раскладки изображения - Fisheye+4PTZ, Panoramic, 360°Panoramic+1PTZ, 180°Panoramic, Fisheye+3PTZ, Fisheye+4PTZ, 360°Panoramic+6PTZ, Fisheye+8PTZ, cлот micro SD (256Gb).  IP66/IK10; -40°C до +60°C; 12V, PoE (IEEE802.3 af), Потребляемая мощность: макс. 11 Вт</t>
  </si>
  <si>
    <t>Fisheye IP видеокамера 5 Мп с ИК подсветкой до 10 м., фикс.объектив 1.4мм, 1/2.8" CMOS, угол обзора  180°, ICR, 2560×1440:25fps / 1920x1080:25fps, Ultra 265/H.264/MJPEG, WDR 120dB, 0.02 Lux минимальная освещенность, Тип раскладки изображения - Fisheye+4PTZ, Panoramic, 360°Panoramic+1PTZ, 180°Panoramic, Fisheye+3PTZ, Fisheye+4PTZ, 360°Panoramic+6PTZ, Fisheye+8PTZ, cлот micro SD (256Gb), BNC 1, тревожные ввод/вывод 1/1, встроенный микрофон и динамик.  IP66/IK10; -40°C до +60°C; 12V, PoE (IEEE802.3 af), Потребляемая мощность: макс. 11 Вт</t>
  </si>
  <si>
    <t>Видеорегистратор IP 8-ми канальный с 8 POE портами. Видеовыходы  HDMI/ VGA,  Аудиовыход  1 канал RCA,   Н.265/Н.264,  Разрешение записи  и просмотра 8MP/6MP/5MP/4MP/3MP/1080p/960p/720p, Входящий поток 80 Мбит/с , Исходящий поток 160 Мбит/с,  декодирование:  3 x 12MP@25, 4 x 4K@30, 8 x 4MP@30, 16 x 1080P@30,  удаленных пользователей  256, Одновременный просмотр 8 каналов,  Поддержка P2P, UPnP, NTP, DHCP, PPPoE , ONVIF, 2 SATA  до 10 Tb, RJ-45 10M/100M Ethernet, 1 x USB2.0, 1 x USB3.0, тревожный вход/выход 4/1, питание 220В/8Вт, POE - 16.25W на каждый порт. размеры 380 мм ×315 мм × 46 мм , вес 2,42 кг</t>
  </si>
  <si>
    <t>Видеорегистратор IP 9-ти канальный.   Видеовыходы  HDMI/ VGA,  Аудиовыход  1 канал RCA,   Н.265/Н.264,  Разрешение записи  и просмотра 12MP/8MP/6MP/5MP/4MP/3MP/1080p/960p/720p/D1/2CIF/CIF, Входящий поток 90 Мбит/с , Исходящий поток 180 Мбит/с,  декодирование:  3 x 12MP@25, 4 x 4K@30, 9 x 4MP@25, 16 x 1080p@30,  удаленных пользователей  256, Одновременный просмотр 9 каналов,  Поддержка P2P, UPnP, NTP, DHCP, PPPoE , ONVIF, 2 SATA  до 10 Tb, RJ-45 10M/100M Ethernet, 2 x USB2.0, 1 x USB3.0, питание 12В/7Вт (блок питания в комплекте), размеры 380 мм ×315 мм × 46 мм , вес 2,48 кг</t>
  </si>
  <si>
    <t>Видеорегистратор IP 8-ми канальный с 16 POE портами. Видеовыходы  HDMI/ VGA,  Аудиовыход  1 канал RCA,   Н.265/Н.264,  Разрешение записи  и просмотра 8MP/6MP/5MP/4MP/3MP/1080p/960p/720p, Входящий поток 80 Мбит/с , Исходящий поток 160 Мбит/с,  декодирование:  3 x 12MP@25, 4 x 4K@30, 8 x 4MP@30, 16 x 1080P@30,  удаленных пользователей  256, Одновременный просмотр 16 каналов,  Поддержка P2P, UPnP, NTP, DHCP, PPPoE , ONVIF, 2 SATA  до 10 Tb, RJ-45 10M/100M Ethernet, 1 x USB2.0, 1 x USB3.0, тревожный вход/выход 4/1, питание 220В/8Вт, POE - 16.25W на каждый порт. размеры 380 мм ×315 мм × 46 мм , вес 2,42 кг</t>
  </si>
  <si>
    <t>Видеорегистратор IP 16-ти канальный.   Видеовыходы  HDMI/ VGA,  Аудиовыход  1 канал RCA,   Н.265/Н.264,  Разрешение записи  и просмотра 12MP/8MP/6MP/5MP/4MP/3MP/1080p/960p/720p/D1/2CIF/CIF, Входящий поток 160 Мбит/с , Исходящий поток 320 Мбит/с,  декодирование:  3 x 12MP@25, 4 x 4K@30, 9 x 4MP@25, 16 x 1080p@30,  удаленных пользователей  256, Одновременный просмотр 16 каналов,  Поддержка P2P, UPnP, NTP, DHCP, PPPoE , ONVIF, 2 SATA  до 10 Tb, RJ-45 10M/100M Ethernet, 2 x USB2.0, 1 x USB3.0, питание 12В/7Вт (блок питания в комплекте), размеры 380 мм ×315 мм × 46 мм , вес 2,48 кг</t>
  </si>
  <si>
    <t>Видеорегистратор IP 16-ти канальный.   Видеовыходы  HDMI/ VGA,  Аудиовыход  1 канал RCA,   Н.265/Н.264,  Разрешение записи  и просмотра 12MP/8MP/6MP/5MP/4MP/3MP/1080p/960p/720p/D1/2CIF/CIF, Входящий поток 160 Мбит/с , Исходящий поток 320 Мбит/с,  декодирование:  3 x 12MP@25, 4 x 4K@30, 9 x 4MP@25, 16 x 1080p@30,  удаленных пользователей  256, Одновременный просмотр 16 каналов,  Поддержка P2P, UPnP, NTP, DHCP, PPPoE , ONVIF, 4 SATA  до 10 Tb, RJ-45 10M/100M Ethernet, 2 x USB2.0, 1 x USB3.0, питание 12В/7Вт (блок питания в комплекте), размеры 380 мм ×315 мм × 46 мм , вес 2,48 кг</t>
  </si>
  <si>
    <t>Видеорегистратор IP 32-х канальный. Видеовыходы  HDMI/ VGA,  Аудиовыход  1 канал RCA,   Н.265/Н.264,  Разрешение записи  и просмотра 8MP/6MP/5MP/4MP/3MP/1080p/960p/720p, Входящий поток 320 Мбит/с , Исходящий поток 320 Мбит/с,  декодирование:  3 x 12MP@25, 4 x 4K@30, 8 x 4MP@30, 16 x 1080p@30, 32 x 960p@25,  удаленных пользователей  256, Одновременный просмотр 16 каналов,  Поддержка P2P, UPnP, NTP, DHCP, PPPoE , ONVIF, 4 SATA  до 10 Tb, 2хRJ-45 10M/100M/1000М Ethernet, 3 x USB2.0, тревожный вход/выход 16/4, RS485, питание 12В/12Вт (блок питания в комплекте). Размеры 440 мм ×344 мм × 44 мм , вес 3,2 кг</t>
  </si>
  <si>
    <t>Видеорегистратор IP 32-х канальный с 16 POE портами. Видеовыходы  HDMI/ VGA,  Аудиовыход  1 канал RCA,   Н.265/Н.264,  Разрешение записи  и просмотра 8MP/6MP/5MP/4MP/3MP/1080p/960p/720p, Входящий поток 320 Мбит/с , Исходящий поток 320 Мбит/с,  декодирование:  3 x 12MP@25, 4 x 4K@30, 8 x 4MP@30, 16 x 1080p@30, 32 x 960p@25,  удаленных пользователей  256, Одновременный просмотр 16 каналов,  Поддержка P2P, UPnP, NTP, DHCP, PPPoE , ONVIF, 4 SATA  до 10 Tb, 2хRJ-45 10M/100M/1000М Ethernet, 3 x USB2.0, тревожный вход/выход 16/4, RS485, питание 220В/20Вт, POE - 12W на каждый порт. размеры 442 мм ×425 мм × 86 мм , вес 5,3 кг</t>
  </si>
  <si>
    <t>Видеорегистратор IP 64-х канальный. Видеовыходы  HDMI/ VGA,  Аудиовыход  1 канал RCA,   Н.265/Н.264,  Разрешение записи  и просмотра 8MP/6MP/5MP/4MP/3MP/1080p/960p/720p, Входящий поток 320 Мбит/с , Исходящий поток 320 Мбит/с,  декодирование:  3 x 12MP@25, 4 x 4K@30, 8 x 4MP@30, 16 x 1080P@30, 32 x 960P@25, 36 x 720P@30, 64 x D1,  удаленных пользователей  256, Одновременный просмотр 16 каналов,  Поддержка P2P, UPnP, NTP, DHCP, PPPoE , ONVIF, 8 SATA  до 10 Tb, RAID 0, 1, 5, 6, 10, eSATA 1, 2хRJ-45 10M/100M/1000М Ethernet, 3 x USB2.0, тревожный вход/выход 16/4, RS485, RS232, питание 220В/20Вт, POE - 12W на каждый порт. размеры 442 мм ×425 мм × 86 мм , вес 5,3 кг</t>
  </si>
  <si>
    <t>Видеокамера IP Уличная цилиндрическая 5 Мп с ИК подсветкой до 30м, вариофокальный объектив: 2,8-12мм;  1/2,7" CMOS, угол обзора 83.6°~31.5°, ICR, 2592*1944:20fps, DWDR, Ultra 265/H.264/MJPEG, ICR, 0.01Lux минимальная освещенность, cлот micro SD (256Gb), IP67; -40°C до +60°C; 12V, PoE (IEEE802.3 af), Потребляемая мощность: макс. 7,8 Вт. Металлический корпус.</t>
  </si>
  <si>
    <t>Видеокамера IP Уличная цилиндрическая 5 Мп с ИК подсветкой до 30м, моторизированный объектив: 2,8-12мм;  1/2,7" CMOS, угол обзора 83.6°~31.5°, ICR, 2592*1944:20fps, DWDR, Ultra 265/H.264/MJPEG, ICR, 0.01Lux минимальная освещенность, cлот micro SD (256Gb), IP67; -40°C до +60°C; 12V, PoE (IEEE802.3 af), Потребляемая мощность: макс. 7,8 Вт. Металлический корпус.</t>
  </si>
  <si>
    <t>Видеорегистратор IP 9-ти канальный.   Видеовыходы  HDMI/ VGA,  Аудиовыход  1 канал RCA,   Н.265/Н.264,  Разрешение записи  и просмотра 8MP/6MP/5MP/4MP/3MP/1080p/960p/720p, Входящий поток 90 Мбит/с , Исходящий поток 72 Мбит/с,  декодирование:  1 x 4K@30 к/с, 2 x 4MP@30к/с, 4 x 1080p@30к/с, 8 x 720p@30к/с,  удаленных пользователей  256, Одновременный просмотр 9ти каналов,  Поддержка P2P, UPnP, NTP, DHCP, PPPoE , ONVIF, 2 SATA  до 10 Tb, RJ-45 10M/100M Ethernet, 2 x USB2.0, питание 12В/7Вт (блок питания в комплекте), размеры 380 мм ×315 мм × 49.1 мм , вес 1,6 кг</t>
  </si>
  <si>
    <t>Видеорегистратор IP 16-ти канальный. Видеовыходы  HDMI/ VGA,  Аудиовыход  1 канал RCA,   Н.265/Н.264,  Разрешение записи  и просмотра 8MP/6MP/5MP/4MP/3MP/1080p/960p/720p, Входящий поток 112 Мбит/с , Исходящий поток 96 Мбит/с,  декодирование:  1 x 4K@30 к/с, 2 x 4MP@30к/с, 4 x 1080p@30к/с, 8 x 720p@30к/с,  удаленных пользователей  256, Одновременный просмотр 16 каналов,  Поддержка P2P, UPnP, NTP, DHCP, PPPoE , ONVIF, 2 SATA  до 10 Tb, RJ-45 10M/100M Ethernet, 3 x USB2.0, питание 12В/7Вт (блок питания в комплекте), размеры 380 мм ×315 мм × 49.1 мм , вес 2,4 кг</t>
  </si>
  <si>
    <t>Видеорегистратор IP 16-ти канальный с 8 POE портами. Видеовыходы  HDMI/ VGA,  Аудиовыход  1 канал RCA,   Н.265/Н.264,  Разрешение записи  и просмотра 8MP/6MP/5MP/4MP/3MP/1080p/960p/720p, Входящий поток 112 Мбит/с , Исходящий поток 96 Мбит/с,  декодирование:  1 x 4K@30 к/с, 2 x 4MP@30к/с, 4 x 1080p@30к/с, 8 x 720p@30к/с,  удаленных пользователей  256, Одновременный просмотр 16 каналов,  Поддержка P2P, UPnP, NTP, DHCP, PPPoE , ONVIF, 2 SATA  до 10 Tb, RJ-45 10M/100M Ethernet, 3 x USB2.0, тревожный вход/выход 4/1, питание 220В/8Вт, POE - 16.25W на каждый порт. размеры 380 мм ×315 мм × 49.1 мм , вес 2,4 кг</t>
  </si>
  <si>
    <t>Видеорегистратор IP 16-ти канальный с 16 POE портами. Видеовыходы  HDMI/ VGA,  Аудиовыход  1 канал RCA,   Н.265/Н.264,  Разрешение записи  и просмотра 8MP/6MP/5MP/4MP/3MP/1080p/960p/720p, Входящий поток 112 Мбит/с , Исходящий поток 96 Мбит/с,  декодирование:  1 x 4K@30 к/с, 2 x 4MP@30к/с, 4 x 1080p@30к/с, 8 x 720p@30к/с,  удаленных пользователей  256, Одновременный просмотр 16 каналов,  Поддержка P2P, UPnP, NTP, DHCP, PPPoE , ONVIF, 2 SATA  до 10 Tb, RJ-45 10M/100M Ethernet, 3 x USB2.0, тревожный вход/выход 4/1, питание 220В/9Вт, POE - 15W на каждый порт. размеры 380 мм ×315 мм × 49.1 мм , вес 2,4 кг</t>
  </si>
  <si>
    <t>Видеокамера IP Купольная Starview 5 Мп с ИК подсветкой до 30 м., моторизированный объектив 2.7-13.5мм, 1/2.7" CMOS, угол обзора 93.38° ~28.56°, ICR, 2592x1944:20fps / 1920x1080:25fps, Ultra 265/H.264/MJPEG, WDR 120dB, Starlight: 0.002Lux (F1.2, AGC ON) минимальная освещенность, cлот micro SD (256Gb),  встроенный микрофон.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8,2 Вт</t>
  </si>
  <si>
    <r>
      <rPr>
        <b/>
        <sz val="11"/>
        <color theme="0"/>
        <rFont val="宋体"/>
        <family val="3"/>
        <charset val="134"/>
      </rPr>
      <t>①</t>
    </r>
  </si>
  <si>
    <r>
      <rPr>
        <b/>
        <sz val="11"/>
        <color theme="0"/>
        <rFont val="宋体"/>
        <family val="3"/>
        <charset val="134"/>
      </rPr>
      <t>②</t>
    </r>
  </si>
  <si>
    <r>
      <rPr>
        <b/>
        <sz val="11"/>
        <color theme="0"/>
        <rFont val="宋体"/>
        <family val="3"/>
        <charset val="134"/>
      </rPr>
      <t>③</t>
    </r>
  </si>
  <si>
    <r>
      <rPr>
        <b/>
        <sz val="11"/>
        <color theme="0"/>
        <rFont val="宋体"/>
        <family val="3"/>
        <charset val="134"/>
      </rPr>
      <t>④</t>
    </r>
  </si>
  <si>
    <r>
      <rPr>
        <b/>
        <sz val="11"/>
        <color theme="0"/>
        <rFont val="宋体"/>
        <family val="3"/>
        <charset val="134"/>
      </rPr>
      <t>⑤</t>
    </r>
  </si>
  <si>
    <r>
      <rPr>
        <b/>
        <sz val="11"/>
        <color theme="0"/>
        <rFont val="宋体"/>
        <family val="3"/>
        <charset val="134"/>
      </rPr>
      <t>⑥</t>
    </r>
  </si>
  <si>
    <r>
      <rPr>
        <b/>
        <sz val="11"/>
        <color theme="0"/>
        <rFont val="宋体"/>
        <family val="3"/>
        <charset val="134"/>
      </rPr>
      <t>⑦</t>
    </r>
  </si>
  <si>
    <t>IPC242ER5-DL</t>
  </si>
  <si>
    <t>R5</t>
  </si>
  <si>
    <t>DL</t>
  </si>
  <si>
    <t>IPC6242SL-X33G</t>
  </si>
  <si>
    <t>X33G</t>
  </si>
  <si>
    <r>
      <rPr>
        <b/>
        <sz val="11"/>
        <color theme="0"/>
        <rFont val="宋体"/>
        <family val="3"/>
        <charset val="134"/>
      </rPr>
      <t>②</t>
    </r>
    <r>
      <rPr>
        <b/>
        <sz val="11"/>
        <color theme="0"/>
        <rFont val="Calibri"/>
        <family val="2"/>
      </rPr>
      <t xml:space="preserve"> Type &amp; Generation</t>
    </r>
  </si>
  <si>
    <r>
      <rPr>
        <b/>
        <sz val="11"/>
        <color theme="0"/>
        <rFont val="宋体"/>
        <family val="3"/>
        <charset val="134"/>
      </rPr>
      <t>③</t>
    </r>
    <r>
      <rPr>
        <b/>
        <sz val="11"/>
        <color theme="0"/>
        <rFont val="Calibri"/>
        <family val="2"/>
      </rPr>
      <t xml:space="preserve"> Market</t>
    </r>
  </si>
  <si>
    <r>
      <rPr>
        <b/>
        <sz val="11"/>
        <color theme="0"/>
        <rFont val="宋体"/>
        <family val="3"/>
        <charset val="134"/>
      </rPr>
      <t>④</t>
    </r>
    <r>
      <rPr>
        <b/>
        <sz val="11"/>
        <color theme="0"/>
        <rFont val="Calibri"/>
        <family val="2"/>
      </rPr>
      <t xml:space="preserve"> Resolution</t>
    </r>
  </si>
  <si>
    <r>
      <rPr>
        <b/>
        <sz val="11"/>
        <color theme="0"/>
        <rFont val="宋体"/>
        <family val="3"/>
        <charset val="134"/>
      </rPr>
      <t>⑤</t>
    </r>
    <r>
      <rPr>
        <b/>
        <sz val="11"/>
        <color theme="0"/>
        <rFont val="Calibri"/>
        <family val="2"/>
      </rPr>
      <t xml:space="preserve"> Subtype</t>
    </r>
  </si>
  <si>
    <r>
      <rPr>
        <b/>
        <sz val="11"/>
        <color theme="0"/>
        <rFont val="宋体"/>
        <family val="3"/>
        <charset val="134"/>
      </rPr>
      <t>⑥</t>
    </r>
    <r>
      <rPr>
        <b/>
        <sz val="11"/>
        <color theme="0"/>
        <rFont val="Calibri"/>
        <family val="2"/>
      </rPr>
      <t xml:space="preserve"> Form</t>
    </r>
  </si>
  <si>
    <r>
      <rPr>
        <b/>
        <sz val="11"/>
        <color theme="0"/>
        <rFont val="宋体"/>
        <family val="3"/>
        <charset val="134"/>
      </rPr>
      <t>⑦</t>
    </r>
    <r>
      <rPr>
        <b/>
        <sz val="11"/>
        <color theme="0"/>
        <rFont val="Calibri"/>
        <family val="2"/>
      </rPr>
      <t xml:space="preserve"> Discription:</t>
    </r>
  </si>
  <si>
    <t>IPC: Network Camera</t>
  </si>
  <si>
    <t>1: 1MP/1.3MP</t>
  </si>
  <si>
    <t>3: Mid-range</t>
  </si>
  <si>
    <t>3: 3MP</t>
  </si>
  <si>
    <r>
      <t xml:space="preserve">  36:</t>
    </r>
    <r>
      <rPr>
        <b/>
        <sz val="11"/>
        <color rgb="FFC00000"/>
        <rFont val="Calibri"/>
        <family val="2"/>
      </rPr>
      <t xml:space="preserve"> </t>
    </r>
    <r>
      <rPr>
        <sz val="11"/>
        <color theme="1"/>
        <rFont val="Calibri"/>
        <family val="2"/>
      </rPr>
      <t>Fixed lens Turret Dome</t>
    </r>
  </si>
  <si>
    <r>
      <t xml:space="preserve">N: </t>
    </r>
    <r>
      <rPr>
        <b/>
        <strike/>
        <sz val="11"/>
        <color rgb="FFC00000"/>
        <rFont val="Calibri"/>
        <family val="2"/>
      </rPr>
      <t>Network Module</t>
    </r>
    <r>
      <rPr>
        <b/>
        <sz val="11"/>
        <color rgb="FFC00000"/>
        <rFont val="宋体"/>
        <family val="3"/>
        <charset val="134"/>
      </rPr>
      <t>→</t>
    </r>
    <r>
      <rPr>
        <b/>
        <sz val="11"/>
        <color rgb="FFC00000"/>
        <rFont val="Calibri"/>
        <family val="2"/>
      </rPr>
      <t xml:space="preserve">No Cable </t>
    </r>
  </si>
  <si>
    <t>Lens:</t>
  </si>
  <si>
    <r>
      <t xml:space="preserve">8: </t>
    </r>
    <r>
      <rPr>
        <b/>
        <sz val="11"/>
        <color rgb="FFC00000"/>
        <rFont val="Calibri"/>
        <family val="2"/>
      </rPr>
      <t>Panoramic camera</t>
    </r>
  </si>
  <si>
    <t>01</t>
  </si>
  <si>
    <t>08</t>
  </si>
  <si>
    <t>04</t>
  </si>
  <si>
    <t>16</t>
  </si>
  <si>
    <r>
      <rPr>
        <b/>
        <sz val="11"/>
        <color theme="0"/>
        <rFont val="宋体"/>
        <family val="3"/>
        <charset val="134"/>
      </rPr>
      <t>①</t>
    </r>
    <r>
      <rPr>
        <b/>
        <sz val="11"/>
        <color theme="0"/>
        <rFont val="Calibri"/>
        <family val="2"/>
      </rPr>
      <t xml:space="preserve"> Product </t>
    </r>
  </si>
  <si>
    <r>
      <rPr>
        <b/>
        <sz val="11"/>
        <color theme="0"/>
        <rFont val="宋体"/>
        <family val="3"/>
        <charset val="134"/>
      </rPr>
      <t>②</t>
    </r>
    <r>
      <rPr>
        <b/>
        <sz val="11"/>
        <color theme="0"/>
        <rFont val="Calibri"/>
        <family val="2"/>
      </rPr>
      <t xml:space="preserve"> Series</t>
    </r>
  </si>
  <si>
    <r>
      <rPr>
        <b/>
        <sz val="11"/>
        <color theme="0"/>
        <rFont val="宋体"/>
        <family val="3"/>
        <charset val="134"/>
      </rPr>
      <t>③</t>
    </r>
    <r>
      <rPr>
        <b/>
        <sz val="11"/>
        <color theme="0"/>
        <rFont val="Calibri"/>
        <family val="2"/>
      </rPr>
      <t xml:space="preserve"> HDD</t>
    </r>
  </si>
  <si>
    <r>
      <rPr>
        <b/>
        <sz val="11"/>
        <color theme="0"/>
        <rFont val="宋体"/>
        <family val="3"/>
        <charset val="134"/>
      </rPr>
      <t>④</t>
    </r>
    <r>
      <rPr>
        <b/>
        <sz val="11"/>
        <color theme="0"/>
        <rFont val="Calibri"/>
        <family val="2"/>
      </rPr>
      <t xml:space="preserve"> Video Input</t>
    </r>
  </si>
  <si>
    <r>
      <rPr>
        <b/>
        <sz val="11"/>
        <color theme="0"/>
        <rFont val="宋体"/>
        <family val="3"/>
        <charset val="134"/>
      </rPr>
      <t>⑤T</t>
    </r>
    <r>
      <rPr>
        <b/>
        <sz val="11"/>
        <color theme="0"/>
        <rFont val="Calibri"/>
        <family val="2"/>
      </rPr>
      <t>ype</t>
    </r>
  </si>
  <si>
    <r>
      <rPr>
        <b/>
        <sz val="11"/>
        <color theme="0"/>
        <rFont val="宋体"/>
        <family val="3"/>
        <charset val="134"/>
      </rPr>
      <t>⑥</t>
    </r>
    <r>
      <rPr>
        <b/>
        <sz val="11"/>
        <color theme="0"/>
        <rFont val="Calibri"/>
        <family val="2"/>
      </rPr>
      <t xml:space="preserve"> Subtype</t>
    </r>
  </si>
  <si>
    <t>04: 4-ch</t>
  </si>
  <si>
    <t>E  :Enhanced</t>
  </si>
  <si>
    <t>P   :PoE</t>
  </si>
  <si>
    <t>08: 8-ch</t>
  </si>
  <si>
    <t>L  :Plastic</t>
  </si>
  <si>
    <t>Px:x PoE Ports</t>
  </si>
  <si>
    <t>16: 16-ch</t>
  </si>
  <si>
    <t>24: 24-ch</t>
  </si>
  <si>
    <t>32: 32-ch</t>
  </si>
  <si>
    <t>48: 48-ch</t>
  </si>
  <si>
    <t>64: 64-ch</t>
  </si>
  <si>
    <t>128:128-ch</t>
  </si>
  <si>
    <r>
      <t xml:space="preserve">Видеокамера IP Уличная цилиндрическая </t>
    </r>
    <r>
      <rPr>
        <b/>
        <sz val="11"/>
        <rFont val="Calibri"/>
        <family val="2"/>
      </rPr>
      <t>4 Мп</t>
    </r>
    <r>
      <rPr>
        <sz val="11"/>
        <rFont val="Calibri"/>
        <family val="2"/>
      </rPr>
      <t xml:space="preserve"> с ИК подсветкой до 30м, фикс. объектив 4.0 мм 1/3" CMOS, угол обзора 78.9°,  ICR, три потока, 2592×1520:20fps / 1920x1080:25fps, DWDR, Ultra 265/H.264/MJPEG, ICR, 0,01 Lux минимальная освещенность, Слот для Карты памяти Micro SD до 256 GB, IP67; -40°C до +60°C; 12V, Потребляемая мощность: макс. 5,5 Вт. Металлический корпус.</t>
    </r>
  </si>
  <si>
    <r>
      <t xml:space="preserve">Видеокамера IP Уличная цилиндрическая </t>
    </r>
    <r>
      <rPr>
        <b/>
        <sz val="11"/>
        <rFont val="Calibri"/>
        <family val="2"/>
      </rPr>
      <t>2 Мп</t>
    </r>
    <r>
      <rPr>
        <sz val="11"/>
        <rFont val="Calibri"/>
        <family val="2"/>
      </rPr>
      <t xml:space="preserve"> с ИК подсветкой до 30м, фикс. объектив 4.0 мм 1/2.7" CMOS,  угол обзора 86.5°, ICR, три потока, основной 1920x1080:20fps, второй поток: 720P (2560×720): Max. 20 fps; третий поток: 4CIF (704×576): Max. 20 fps, DWDR, Ultra 265/H.264/MJPEG, ICR, 0.02Lux минимальная освещенность,  DC12V &amp; PoE, Слот для Карты памяти Micro SD до 256 GB, IP67; -40°C до +60°C; 12V, Потребляемая мощность: макс. 5 Вт. Металлический корпус.</t>
    </r>
  </si>
  <si>
    <r>
      <t xml:space="preserve">Видеокамера IP Купольная антивандальная </t>
    </r>
    <r>
      <rPr>
        <b/>
        <sz val="11"/>
        <rFont val="Calibri"/>
        <family val="2"/>
      </rPr>
      <t>2 Мп</t>
    </r>
    <r>
      <rPr>
        <sz val="11"/>
        <rFont val="Calibri"/>
        <family val="2"/>
      </rPr>
      <t xml:space="preserve"> с ИК подсветкой не более 30 м. Фикс. объектив  2.8 мм. 1/2.7" CMOS, угол обзора 112.7°, ICR, три потока: основной поток: 2MP (1920×1080): Max. 20 fps; второй поток: 720P (2560×720): Max. 20 fps; третий поток: 4CIF (704×576): Max. 20 fps, Ultra 265/H.264/MJPEG, Слот для Карты памяти Micro SD до 256 GB, DWDR, 0.02 Lux, IP67 &amp; IK10. 3  плоскости регулировки положения; -40°C до +60°C; 12V, Потребляемая мощность: макс. 5 Вт</t>
    </r>
  </si>
  <si>
    <t>IPC2122LR5-UPF28M-F</t>
  </si>
  <si>
    <t>IPC2122LR5-UPF40M-F</t>
  </si>
  <si>
    <t>Easystar</t>
  </si>
  <si>
    <t>IPC322LR3-UVSPF28-F</t>
  </si>
  <si>
    <t>IPC322LR3-UVSPF40-F</t>
  </si>
  <si>
    <t>IPC3612LR3-UPF28-F</t>
  </si>
  <si>
    <t>IPC3612LR3-UPF40-F</t>
  </si>
  <si>
    <t>IPC2128LR3-DPF28M-F</t>
  </si>
  <si>
    <t>IPC2128LR3-DPF40M-F</t>
  </si>
  <si>
    <t>8MP</t>
  </si>
  <si>
    <t>120dB WDR,IP67, HLC</t>
  </si>
  <si>
    <t>IPC328LR3-DVSPF28-F</t>
  </si>
  <si>
    <t>IPC328LR3-DVSPF40-F</t>
  </si>
  <si>
    <t>IPC2124SR3-ADPF28M-F</t>
  </si>
  <si>
    <t>IPC2124SR3-ADPF40M-F</t>
  </si>
  <si>
    <t>120dB WDR, IP67,Built-in Mic</t>
  </si>
  <si>
    <t>1/3" CMOS, ICR, 2592*1520: 30fps; 2560*1440: 30fps, 2048 x 1520 :30fps,1920 x 1080:30fps Ultra 265/H.264/MJPEG, Triple streams ,DC12V &amp; PoE, 120dB WDR, IP67, Fixed lens (2.8mm, 4.0mm), IR range: up to 30m, IR anti-reflection window, Bulit-in Mic, Micro SD card slot</t>
  </si>
  <si>
    <t>IPC2125SR3-ADPF28M-F</t>
  </si>
  <si>
    <t>IPC2125SR3-ADPF40M-F</t>
  </si>
  <si>
    <t>1/2.7" CMOS, ICR, 2592*1944: 20fps; 2592*1520: 30fps, 2560 x 1440 :30fps,2048 x 1520:30fps Ultra 265/H.264/MJPEG, Triple streams ,DC12V &amp; PoE, 120dB WDR, IP67, Fixed lens (2.8mm, 4.0mm), IR range: up to 30m, IR anti-reflection window, Bulit-in Mic, Micro SD card slot</t>
  </si>
  <si>
    <t>IPC324SR3-DVPF28-F</t>
  </si>
  <si>
    <t>IPC324SR3-DVPF40-F</t>
  </si>
  <si>
    <t>120dB WDR, IP67&amp;IK10, 3-Axis</t>
  </si>
  <si>
    <t>1/3" CMOS, ICR, 2592*1520: 30fps; 2560*1440:30fps,2048 x 1520 :30fps,1920 x 1080:30fps, Ultra 265/H.264/MJPEG, Triple streams, DC12V &amp; PoE,  Micro SD card slot, 120dB WDR,   Audio 1/1,Alarm 1/1, IP67&amp; IK10, Fixed lens (2.8mm,4.0mm), IR range: up to 30m, 3-Axis</t>
  </si>
  <si>
    <t>4.0mm,
 Fixed</t>
  </si>
  <si>
    <t>1/2.7" CMOS, ICR, 2592*1944: 20fps; 2592*1520:30fps,2560 x 1440 :30fps,2048 x 1520:30fps, Ultra 265/H.264/MJPEG, Triple streams, DC12V &amp; PoE,  Micro SD card slot, 120dB WDR,   Audio 1/1,Alarm 1/1, IP67&amp; IK10, Fixed lens (2.8mm,4.0mm), IR range: up to 30m, 3-Axis</t>
  </si>
  <si>
    <t>IPC3614SR3-ADPF28-F</t>
  </si>
  <si>
    <t>IPC3614SR3-ADPF40-F</t>
  </si>
  <si>
    <t>IPC325SR3-DVPF28-F</t>
  </si>
  <si>
    <t>IPC325SR3-DVPF40-F</t>
  </si>
  <si>
    <t>IPC3615SR3-ADPF28-F</t>
  </si>
  <si>
    <t>IPC3615SR3-ADPF40-F</t>
  </si>
  <si>
    <t xml:space="preserve">120dB WDR, IP67,  3-Axis </t>
  </si>
  <si>
    <t xml:space="preserve">1/3" CMOS, ICR, 2592*1520:30fps; 2560*1440:30fps,2048 x 1520:30fps;1920 x 1080:30fps ,Ultra 265/H.264/MJPEG, Triple streams, DC12V &amp; PoE, 120dB WDR, IP67, Fixed lens (2.8mm, 4.0mm), IR range: up to 30m, IR anti-reflection window, 3-Axis </t>
  </si>
  <si>
    <t>120dB WDR, IP67,  3-Axis</t>
  </si>
  <si>
    <t xml:space="preserve">1/2.7" CMOS, ICR,  2592*1944: 20fps; 2592*1520:30fps,2560 x 1440 :30fps,2048 x 1520:30fps,Ultra 265/H.264/MJPEG, Triple streams, DC12V &amp; PoE, 120dB WDR, IP67, Fixed lens (2.8mm, 4.0mm), IR range: up to 30m, IR anti-reflection window, 3-Axis </t>
  </si>
  <si>
    <t>4+2</t>
  </si>
  <si>
    <t>8MP Lite@8fps (channel1）
5MPLite@12fps
4MP Lite@15fps
3MP@15fps(channel1)
2MP@15fps
720P@30fps</t>
  </si>
  <si>
    <t>Brief Description</t>
  </si>
  <si>
    <t>SATA</t>
  </si>
  <si>
    <t>Video
Input</t>
  </si>
  <si>
    <t>Incoming
Bandwidth</t>
  </si>
  <si>
    <t>Encoding Ability</t>
  </si>
  <si>
    <t>Network
Interface</t>
  </si>
  <si>
    <t>Audio In/Out</t>
  </si>
  <si>
    <t>Alarm In/Out</t>
  </si>
  <si>
    <t>Case</t>
  </si>
  <si>
    <t>8+8</t>
  </si>
  <si>
    <t>8MP@8fps
5MP@12fps
4MP@15fps
3MP@18fps
2MP@25fps
720P@30fps</t>
  </si>
  <si>
    <t>8/4</t>
  </si>
  <si>
    <t>16+8</t>
  </si>
  <si>
    <t>IPC2122SR3-APF40-C</t>
  </si>
  <si>
    <r>
      <t xml:space="preserve">Видеокамера IP Уличная цилиндрическая </t>
    </r>
    <r>
      <rPr>
        <b/>
        <sz val="11"/>
        <rFont val="Calibri"/>
        <family val="2"/>
      </rPr>
      <t xml:space="preserve">4 Мп </t>
    </r>
    <r>
      <rPr>
        <sz val="11"/>
        <rFont val="Calibri"/>
        <family val="2"/>
      </rPr>
      <t>с ИК подсветкой до 30м, фикс. объектив 2.8/4.0/6.0 мм 1/3" CMOS, угол обзора 104.4°/78.9°/49.9°,  ICR, 2592×1520:20fps / 1920x1080:25fps, тройной видеопоток, DWDR, Ultra 265/H.264/MJPEG, ICR, 0.03Lux (F2.0, AGC ON) минимальная освещенность, IP67; -40°C до +60°C; 12V, PoE (IEEE802.3 af), Потребляемая мощность: макс. 6,4 Вт. 0.45кг Металлический корпус.</t>
    </r>
  </si>
  <si>
    <r>
      <t xml:space="preserve">Видеокамера IP Уличная цилиндрическая </t>
    </r>
    <r>
      <rPr>
        <b/>
        <sz val="11"/>
        <rFont val="Calibri"/>
        <family val="2"/>
      </rPr>
      <t>2 Мп</t>
    </r>
    <r>
      <rPr>
        <sz val="11"/>
        <rFont val="Calibri"/>
        <family val="2"/>
      </rPr>
      <t xml:space="preserve"> с ИК подсветкой до 30м, фикс. объектив 2.8/4.0/6.0 мм 1/2.7" CMOS,  угол обзора 112.7°/86.5°/ 55.4°, ICR, 1920x1080:25fps, тройной видеопоток, DWDR, Ultra 265/H.264/MJPEG, ICR, 0.02Lux минимальная освещенность, IP67; -40°C до +60°C; 12V, PoE (IEEE802.3 af), Потребляемая мощность: макс. 6,4 Вт. 0.45кг  Металлический корпус.</t>
    </r>
  </si>
  <si>
    <r>
      <t xml:space="preserve">Видеокамера IP Купольная антивандальная </t>
    </r>
    <r>
      <rPr>
        <b/>
        <sz val="11"/>
        <rFont val="Calibri"/>
        <family val="2"/>
      </rPr>
      <t>2 Мп</t>
    </r>
    <r>
      <rPr>
        <sz val="11"/>
        <rFont val="Calibri"/>
        <family val="2"/>
      </rPr>
      <t xml:space="preserve"> с ИК подсветкой до 30м, фикс. объектив 2.8/4.0 мм 1/2.7" CMOS,  угол обзора 112.7°/ 86.5°, ICR, 1920x1080:25fps, тройной видеопоток, DWDR, Ultra 265/H.264/MJPEG, ICR, 0.02 Lux ( F2.0, AGC ON) минимальная освещенность, IP67/IK10; -40°C до +60°C; 12V, PoE (IEEE802.3 af), Потребляемая мощность: макс. 5 Вт. Металлический корпус.</t>
    </r>
  </si>
  <si>
    <r>
      <rPr>
        <b/>
        <sz val="10"/>
        <color rgb="FFFF0000"/>
        <rFont val="Calibri"/>
        <family val="2"/>
      </rPr>
      <t>Starlight</t>
    </r>
    <r>
      <rPr>
        <sz val="10"/>
        <rFont val="Calibri"/>
        <family val="2"/>
      </rPr>
      <t xml:space="preserve"> Видеокамера IP Купольная антивандальная </t>
    </r>
    <r>
      <rPr>
        <b/>
        <sz val="10"/>
        <color rgb="FFFF0000"/>
        <rFont val="Calibri"/>
        <family val="2"/>
      </rPr>
      <t>2 Мп</t>
    </r>
    <r>
      <rPr>
        <sz val="10"/>
        <rFont val="Calibri"/>
        <family val="2"/>
      </rPr>
      <t xml:space="preserve"> с ИК подсветкой до 3</t>
    </r>
    <r>
      <rPr>
        <b/>
        <sz val="10"/>
        <color rgb="FFFF0000"/>
        <rFont val="Calibri"/>
        <family val="2"/>
      </rPr>
      <t>0м</t>
    </r>
    <r>
      <rPr>
        <b/>
        <sz val="10"/>
        <rFont val="Calibri"/>
        <family val="2"/>
      </rPr>
      <t>,</t>
    </r>
    <r>
      <rPr>
        <sz val="10"/>
        <rFont val="Calibri"/>
        <family val="2"/>
      </rPr>
      <t xml:space="preserve"> фикс. объектив 2.8/4.0мм 1/2.7" CMOS,  угол обзора 112.7°/86.5°, ICR, 1920x1080:25fps, тройной видеопоток, DWDR, Ultra 265/H.264/MJPEG, ICR, </t>
    </r>
    <r>
      <rPr>
        <b/>
        <sz val="10"/>
        <color rgb="FFFF0000"/>
        <rFont val="Calibri"/>
        <family val="2"/>
      </rPr>
      <t>0.002Lux</t>
    </r>
    <r>
      <rPr>
        <sz val="10"/>
        <rFont val="Calibri"/>
        <family val="2"/>
      </rPr>
      <t xml:space="preserve"> минимальная освещенность, IP67/IK10; -40°C до +60°C; 12V, PoE (IEEE802.3 af), Потребляемая мощность: макс. 4,5 Вт. 0.37кг  Металлический корпус.</t>
    </r>
  </si>
  <si>
    <r>
      <t xml:space="preserve">Видеокамера IP Купольная антивандальная </t>
    </r>
    <r>
      <rPr>
        <b/>
        <sz val="11"/>
        <rFont val="Calibri"/>
        <family val="2"/>
      </rPr>
      <t>4 Мп</t>
    </r>
    <r>
      <rPr>
        <sz val="11"/>
        <rFont val="Calibri"/>
        <family val="2"/>
      </rPr>
      <t xml:space="preserve"> с ИК подсветкой до 30м, фикс. объектив 2.8/4.0 мм 1/3" CMOS, угол обзора 104.4°/78.9°,  ICR, 2592×1520:20fps / 1920x1080:25fps, тройной видеопоток, DWDR, Ultra 265/H.264/MJPEG, ICR, 0.03Lux (F2.0, AGC ON)  минимальная освещенность, IP67; -40°C до +60°C; 12V, PoE (IEEE802.3 af), Потребляемая мощность: макс. 5 Вт. Металлический корпус.</t>
    </r>
  </si>
  <si>
    <r>
      <t xml:space="preserve">Видеокамера IP Купольная </t>
    </r>
    <r>
      <rPr>
        <b/>
        <sz val="11"/>
        <rFont val="Calibri"/>
        <family val="2"/>
      </rPr>
      <t>2 Мп</t>
    </r>
    <r>
      <rPr>
        <sz val="11"/>
        <rFont val="Calibri"/>
        <family val="2"/>
      </rPr>
      <t xml:space="preserve"> с ИК подсветкой до 30м, фикс. объектив 2.8/4.0 мм 1/2.7" CMOS,  угол обзора 112.7°/ 86.5°, ICR, 1920x1080:25fps, тройной видеопоток, DWDR, Ultra 265/H.264/MJPEG, ICR, 0.02Lux (F2.0, AGC ON) минимальная освещенность,  -40°C до +50°C; 12V, PoE (IEEE802.3 af), Потребляемая мощность: макс. 5 Вт. Металлический корпус.</t>
    </r>
  </si>
  <si>
    <r>
      <t xml:space="preserve">Видеокамера IP Купольная </t>
    </r>
    <r>
      <rPr>
        <b/>
        <sz val="11"/>
        <rFont val="Calibri"/>
        <family val="2"/>
      </rPr>
      <t>4 Мп</t>
    </r>
    <r>
      <rPr>
        <sz val="11"/>
        <rFont val="Calibri"/>
        <family val="2"/>
      </rPr>
      <t xml:space="preserve"> с ИК подсветкой до 30м, фикс. объектив 2.8/4.0 мм 1/2.7" CMOS,  угол обзора  104.4°/ 86.4°, ICR, 2592×1520:20fps / 1920x1080:25fps, тройной видеопоток, DWDR, Ultra 265/H.264/MJPEG, ICR, 0.03Lux (F2.0, AGC ON) минимальная освещенность, -40°C до +50°C; 12V, PoE (IEEE802.3 af), Потребляемая мощность: макс. 5 Вт. Металлический корпус.</t>
    </r>
  </si>
  <si>
    <t>Видеокамера IP Уличная цилиндрическая 2 Мп с ИК подсветкой до 30м, вариофокальный объектив: 2,8-12мм;  1/2.7" CMOS,  ICR, 1920x1080:30fps, тройной видеопоток, DWDR, Ultra 265/H.264/MJPEG, ICR, 0.01Lux (F1.6, AGC ON) минимальная освещенность, cлот micro SD (256Gb), IP67; -40°C до +60°C; 12V, PoE (IEEE802.3 af), Потребляемая мощность: макс. 7,8 Вт. Металлический корпус.</t>
  </si>
  <si>
    <t>Видеокамера IP Уличная цилиндрическая 2 Мп с ИК подсветкой до 30м, моторизированный объектив: 2,8-12мм;  1/2.7" CMOS,  ICR, 1920x1080:30fps, тройной видеопоток, DWDR, Ultra 265/H.264/MJPEG, ICR, 0.01Lux (F1.6, AGC ON) минимальная освещенность, cлот micro SD (256Gb), IP67; -40°C до +60°C; 12V, PoE (IEEE802.3 af), Потребляемая мощность: макс. 7,8 Вт. Металлический корпус.</t>
  </si>
  <si>
    <t>Видеокамера IP Уличная цилиндрическая 4 Мп с ИК подсветкой до 30м, вариофокальный объектив: 2,8-12мм;  1/3" CMOS,  ICR, 2048x1520:20fps, тройной видеопоток, DWDR, Ultra 265/H.264/MJPEG, ICR, 0.02Lux минимальная освещенность, cлот micro SD (256Gb), IP67; -40°C до +60°C; 12V, PoE (IEEE802.3 af), Потребляемая мощность: макс. 7,8 Вт. Металлический корпус.</t>
  </si>
  <si>
    <t>Видеокамера IP Уличная цилиндрическая 4 Мп с ИК подсветкой до 30м, моторизированный объектив: 2,8-12мм;  1/3" CMOS,  ICR, 2048x1520:20fps, тройной видеопоток, DWDR, Ultra 265/H.264/MJPEG, ICR, 0.02Lux минимальная освещенность, cлот micro SD (256Gb), IP67; -40°C до +60°C; 12V, PoE (IEEE802.3 af), Потребляемая мощность: макс. 7,8 Вт. Металлический корпус.</t>
  </si>
  <si>
    <t>Видеокамера IP Купольная антивандальная 2 Мп с ИК подсветкой до 30м, вариофокальный объектив: 2,8-12мм;  1/2.7" CMOS,  ICR, 1920x1080:25fps, тройной видеопоток, DWDR, Ultra 265/H.264/MJPEG, ICR, 0.01Lux (F1.6, AGC ON) минимальная освещенность, cлот micro SD (256Gb), IK10, IP67; -40°C до +60°C; 12V, PoE (IEEE802.3 af), Потребляемая мощность: макс. 7,8 Вт. Металлический корпус.</t>
  </si>
  <si>
    <t>Видеокамера IP Купольная антивандальная 2 Мп с ИК подсветкой до 30м, моторизированный объектив: 2,8-12мм;  1/2.7" CMOS,  ICR, 1920x1080:25fps, тройной видеопоток, DWDR, Ultra 265/H.264/MJPEG, ICR, 0.01Lux (F1.6, AGC ON) минимальная освещенность, cлот micro SD (256Gb), IK10, IP67; -40°C до +60°C; 12V, PoE (IEEE802.3 af), Потребляемая мощность: макс. 7,8 Вт. Металлический корпус.</t>
  </si>
  <si>
    <t>Видеокамера IP Купольная антивандальная 4 Мп с ИК подсветкой до 30м, вариофокальный объектив: 2,8-12мм;  1/3" CMOS,  ICR, 2048x1520:20fps, тройной видеопоток, DWDR, Ultra 265/H.264/MJPEG, ICR,  0.01Lux (F1.6, AGC ON) минимальная освещенность, cлот micro SD (256Gb), IK10, IP67; -40°C до +60°C; 12V, PoE (IEEE802.3 af), Потребляемая мощность: макс. 7,8 Вт. Металлический корпус.</t>
  </si>
  <si>
    <t>Видеокамера IP Купольная антивандальная 4 Мп с ИК подсветкой до 30м, моторизированный объектив: 2,8-12мм;  1/3" CMOS,  ICR, 2048x1520:20fps, тройной видеопоток, DWDR, Ultra 265/H.264/MJPEG, ICR,  0.01Lux (F1.6, AGC ON) минимальная освещенность, cлот micro SD (256Gb), IK10, IP67; -40°C до +60°C; 12V, PoE (IEEE802.3 af), Потребляемая мощность: макс. 7,8 Вт. Металлический корпус.</t>
  </si>
  <si>
    <t xml:space="preserve">Видеокамера IP Скоростная поворотная уличная 2Мп с адаптивной ИК-подсветкой до 30м, с моторизованным вариофокальным объективом 2.7~ 13.5мм, 5Х optical zoom, CMOS 1/2.9", угол обзора 129.1°~104.3°, ICR, 1920x1080:30fps, тройной видеопоток, Ultra 265/H.264/MJPEG, DWDR, 0.03 Lux минимальная освещенность, cлот micro SD (256Gb), встроенный микрофон.  Диапазон панорамирования 0° ~ 350°; Скорость панорамирования  0.1°/s ~ 60°/s, Предустановленная скорость: 60°/s, Диапазон наклона  0° ~ 90°, Скорость наклона  0.1° ~ 50°/s, Предустановленная скорость: 50°/s, IP66, -10°C до +50°C; 12V DC. Потребляемая мощность: макс. 12 Вт, Φ129мм×143мм, 0,75 кг. </t>
  </si>
  <si>
    <r>
      <t xml:space="preserve">Видеокамера IP Уличная цилиндрическая </t>
    </r>
    <r>
      <rPr>
        <b/>
        <sz val="11"/>
        <color rgb="FFFF0000"/>
        <rFont val="Calibri"/>
        <family val="2"/>
      </rPr>
      <t>Starview 2 Мп</t>
    </r>
    <r>
      <rPr>
        <sz val="11"/>
        <color rgb="FFFF0000"/>
        <rFont val="Calibri"/>
        <family val="2"/>
      </rPr>
      <t xml:space="preserve"> </t>
    </r>
    <r>
      <rPr>
        <sz val="11"/>
        <rFont val="Calibri"/>
        <family val="2"/>
      </rPr>
      <t xml:space="preserve">с ИК подсветкой до 30 м., фикс.  объектив 4/6мм, 1/2.8" CMOS, угол обзора 78.7°/53.3°, ICR, 1920x1080:25fps, тройной видеопоток, Ultra 265/H.264/MJPEG, </t>
    </r>
    <r>
      <rPr>
        <b/>
        <sz val="11"/>
        <color rgb="FFFF0000"/>
        <rFont val="Calibri"/>
        <family val="2"/>
      </rPr>
      <t>WDR 120dB, Starlight: 0.001 Lux</t>
    </r>
    <r>
      <rPr>
        <sz val="11"/>
        <rFont val="Calibri"/>
        <family val="2"/>
      </rPr>
      <t xml:space="preserve"> минимальная освещенность.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6,4 Вт</t>
    </r>
  </si>
  <si>
    <t>Видеокамера IP Уличная цилиндрическая 4 Мп с ИК подсветкой до 30 м., фикс. объектив 4/6мм, 1/3" CMOS, угол обзора 78.9°/49.9°, ICR, 2592×1520:20fps / 1920x1080:25fps, тройной видеопоток, Ultra 265/H.264/MJPEG, WDR 120dB, 0.03Lux (F2.0, AGC ON) минимальная освещенность, тревожные ввод/вывод 1/1, встроенный микрофон.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6,4 Вт</t>
  </si>
  <si>
    <r>
      <t xml:space="preserve">Видеокамера IP Купольная антивандальная </t>
    </r>
    <r>
      <rPr>
        <b/>
        <sz val="11"/>
        <color rgb="FFFF0000"/>
        <rFont val="Calibri"/>
        <family val="2"/>
      </rPr>
      <t>4 Мп</t>
    </r>
    <r>
      <rPr>
        <sz val="11"/>
        <rFont val="Calibri"/>
        <family val="2"/>
      </rPr>
      <t xml:space="preserve"> с ИК подсветкой до 30 м., фикс. объектив 2,8/3,6мм, 1/3" CMOS, угол обзора 104.4°/86.4°/49.9°, ICR, 2592×1520:20fps / 1920x1080:25fps, тройной видеопоток, Ultra 265/H.264/MJPEG, </t>
    </r>
    <r>
      <rPr>
        <b/>
        <sz val="11"/>
        <color rgb="FFFF0000"/>
        <rFont val="Calibri"/>
        <family val="2"/>
      </rPr>
      <t>WDR 120dB</t>
    </r>
    <r>
      <rPr>
        <sz val="11"/>
        <rFont val="Calibri"/>
        <family val="2"/>
      </rPr>
      <t>, 0.03 Lux минимальная освещенность, тревожные ввод/вывод 1/1, Audio ввод/вывод 1/1. Smart функции - Вторжение в зону, пересечение линий, детекция лиц, расфокусировка, смена сцены, подсчет посетителей.  IP67/IK10; -40°C до +60°C; 12V, PoE (IEEE802.3 af), Потребляемая мощность: макс. 5,5 Вт</t>
    </r>
  </si>
  <si>
    <t>Видеокамера IP Мини-купольная антивандальная 4 Мп с ИК подсветкой до 15 м., фикс. объектив 2,8/3,6мм, 1/3" CMOS, угол обзора 104.4°/76.8°, ICR, 2592×1520:20fps / 1920x1080:25fps, тройной видеопоток, Ultra 265/H.264/MJPEG, WDR 120dB, 0.03Lux (F2.0, AGC ON) минимальная освещенность, cлот micro SD (256Gb), Audio ввод/вывод 1/1, втроенный микрофон.  Smart функции - Вторжение в зону, пересечение линий, аудио детекция, детекция лиц, расфокусировка, смена сцены, подсчет посетителей.  IP66/IK10; -40°C до +60°C; 12V, PoE (IEEE802.3 af), Потребляемая мощность: макс. 5 Вт</t>
  </si>
  <si>
    <t>Видеокамера IP Уличная цилиндрическая 4 Мп с ИК подсветкой до 30 м., моторизированный объектив 2.8-12мм, 1/3" CMOS, угол обзора 91°~27°, ICR, 2592×1520:20fps / 1920x1080:25fps, тройной видеопоток, Ultra 265/H.264/MJPEG, WDR 120dB, 0.005Lux (F1.4, AGC ON) минимальная освещенность, cлот micro SD (256Gb), BNC 1,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9 Вт</t>
  </si>
  <si>
    <t>Видеокамера IP Купольная антивандальная Starview 2 Мп с ИК подсветкой до 30 м., моторизированный объектив 2.7-13.5мм, 1/2.8" CMOS, угол обзора 121.36° ~33.51, ICR, 1920x1080:25fps, тройной видеопоток, Ultra 265/H.264/MJPEG, WDR 120dB, Super Starlight: 0.0005 Lux минимальная освещенность, cлот micro SD (256Gb),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IK10; -40°C до +60°C; 12V, PoE (IEEE802.3 af), Потребляемая мощность: макс. 8,7 Вт</t>
  </si>
  <si>
    <t>Видеокамера IP Купольная Starview 2 Мп с ИК подсветкой до 30 м., моторизированный объектив 2.7-13.5мм, 1/2.8" CMOS, угол обзора 121.36° ~33.51, ICR, 1920x1080:25fps, тройной видеопоток, Ultra 265/H.264/MJPEG, WDR 120dB, Super Starlight: 0.0005 Lux минимальная освещенность, cлот micro SD (256Gb), встроенный микрофон.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8,2 Вт</t>
  </si>
  <si>
    <t>Видеокамера IP Купольная антивандальная 2 Мп с ИК подсветкой до 30 м., вариофокальный объектив 2.8-12мм, 1/2,8" CMOS, угол обзора 94° ~ 28°, ICR, 1920x1080:25fps, тройной видеопоток, Ultra 265/H.264/MJPEG, WDR 120dB, 0.001 Lux минимальная освещенность, cлот micro SD (256Gb).  Smart функции - Вторжение в зону, пересечение линий, детекция лиц, расфокусировка, смена сцены, подсчет посетителей.  IP67/IK10; -40°C до +60°C; 12V, PoE (IEEE802.3 af), Потребляемая мощность: макс. 7,2 Вт</t>
  </si>
  <si>
    <t>Видеокамера IP Купольная антивандальная 2 Мп с ИК подсветкой до 30 м., Моторизированный объектив 2.8-12мм, 1/2,8" CMOS, угол обзора 94° ~ 28°, ICR, 1920x1080:25fps, тройной видеопоток, Ultra 265/H.264/MJPEG, WDR 120dB, 0.001 Lux минимальная освещенность, cлот micro SD (256Gb).  Smart функции - Вторжение в зону, пересечение линий, детекция лиц, расфокусировка, смена сцены, подсчет посетителей.  IP67/IK10; -40°C до +60°C; 12V, PoE (IEEE802.3 af), Потребляемая мощность: макс. 7,2 Вт</t>
  </si>
  <si>
    <r>
      <t>Видеокамера IP Купольная антивандальная 4 Мп с ИК подсветкой до 30 м., вариофокальный объектив 2.8-12мм, 1/3" CMOS, угол обзора 91°~27°, ICR, 2592×1520:20fps / 1920x1080:25fps, тройной видеопоток, Ultra 265/H.264/MJPEG,</t>
    </r>
    <r>
      <rPr>
        <b/>
        <sz val="11"/>
        <rFont val="Calibri"/>
        <family val="2"/>
      </rPr>
      <t xml:space="preserve"> WDR 120dB, 0.005Lux </t>
    </r>
    <r>
      <rPr>
        <sz val="11"/>
        <rFont val="Calibri"/>
        <family val="2"/>
      </rPr>
      <t>(F1.4, AGC ON) минимальная освещенность, cлот micro SD (256Gb), 1 BNC,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IK10; -40°C до +60°C; 12V, PoE (IEEE802.3 af), Потребляемая мощность: макс. 7,2 Вт</t>
    </r>
  </si>
  <si>
    <r>
      <t xml:space="preserve">Видеокамера IP Купольная антивандальная 4 Мп с ИК подсветкой до 30 м., Моторизированный объектив 2.8-12мм, 1/3" CMOS, угол обзора 91°~27°, ICR, 2592×1520:20fps / 1920x1080:25fps, тройной видеопоток, Ultra 265/H.264/MJPEG, </t>
    </r>
    <r>
      <rPr>
        <b/>
        <sz val="11"/>
        <rFont val="Calibri"/>
        <family val="2"/>
      </rPr>
      <t>WDR 120dB, 0.005Lux</t>
    </r>
    <r>
      <rPr>
        <sz val="11"/>
        <rFont val="Calibri"/>
        <family val="2"/>
      </rPr>
      <t xml:space="preserve"> (F1.4, AGC ON) минимальная освещенность, cлот micro SD (256Gb), 1 BNC,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IK10; -40°C до +60°C; 12V, PoE (IEEE802.3 af), Потребляемая мощность: макс. 7,2 Вт</t>
    </r>
  </si>
  <si>
    <r>
      <t xml:space="preserve">Видеокамера IP Купольная </t>
    </r>
    <r>
      <rPr>
        <b/>
        <sz val="11"/>
        <rFont val="Calibri"/>
        <family val="2"/>
      </rPr>
      <t>2 Мп</t>
    </r>
    <r>
      <rPr>
        <sz val="11"/>
        <rFont val="Calibri"/>
        <family val="2"/>
      </rPr>
      <t xml:space="preserve"> с ИК подстветкой до 30 м. Моторизированный объектив 2,7-12 мм, 1/2,8" CMOS,  угол обзора 94° ~ 28°  , Ultra 265/H.265/H.264/MJPEG, 1920×1080: 30к/с, тройной видеопоток, WDR 120dB, 0.001 Lux минимальная освещенность, cлот micro SD (256Gb), встроенный микрофон, антибликовое стекло с улучшенной пропускной способностью для ИК спектра, ИК-фильтр с автоматическим переключением (ICR), Вторжение, пересечение линии, Распознавание лиц, Подсчет людей, Обнаружение движения, Дефокусировка, Сцена, механический ИК фильтр; рабочая температура  -45°C до +60°C; влажность ≤ 95%, 12 В постоянного тока или PoE (IEEE802.3 af); Потребляемая мощность: макс. 8,16 Вт макс. кронштейн в комплекте.</t>
    </r>
  </si>
  <si>
    <r>
      <t xml:space="preserve">Видеокамера IP Купольная </t>
    </r>
    <r>
      <rPr>
        <b/>
        <sz val="11"/>
        <rFont val="Calibri"/>
        <family val="2"/>
      </rPr>
      <t>4 Мп</t>
    </r>
    <r>
      <rPr>
        <sz val="11"/>
        <rFont val="Calibri"/>
        <family val="2"/>
      </rPr>
      <t xml:space="preserve"> с ИК подсветкой до 30 м. Моторизированный объектив 2.8-12мм, 1/3" CMOS, угол обзора 91°~27°, ICR, 2592×1520:20fps / 1920x1080:25fps, тройной видеопоток, Ultra 265/H.264/MJPEG, </t>
    </r>
    <r>
      <rPr>
        <b/>
        <sz val="11"/>
        <color rgb="FFFF0000"/>
        <rFont val="Calibri"/>
        <family val="2"/>
      </rPr>
      <t>WDR 120dB, 0.005Lux</t>
    </r>
    <r>
      <rPr>
        <sz val="11"/>
        <rFont val="Calibri"/>
        <family val="2"/>
      </rPr>
      <t xml:space="preserve"> (F1.4, AGC ON) минимальная освещенность, cлот micro SD (256Gb), встроенный микрофон.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8,2 Вт</t>
    </r>
  </si>
  <si>
    <t>Видеокамера IP Корпусная 2 Мп; 1/2.9" CMOS, 1920x1080:25fps, тройной видеопоток, Ultra 265/H.264/MJPEG, WDR 120dB, Color: 0.001 Lux, B/W: 0,0001 Lux минимальная освещенность,  крепление объектива C/CS; DC-Iris/P-Iris, ICR, cлот micro SD (256Gb), RS485, BNC 1, тревожные ввод/вывод 2/1, Audio ввод/вывод 1/1.  Smart функции - Вторжение в зону, пересечение линий, аудио детекция, детекция лиц, расфокусировка, смена сцены, подсчет посетителей. . Размеры (ДхШхВ) 151,5 x 71 х 65мм.  -20°C до +60°C; 24V AC/12V DC, PoE (IEEE802.3 af), Потребляемая мощность: макс. 6,8 Вт</t>
  </si>
  <si>
    <r>
      <t xml:space="preserve">Видеокамера IP Уличная цилиндрическая </t>
    </r>
    <r>
      <rPr>
        <b/>
        <sz val="11"/>
        <color rgb="FFFF0000"/>
        <rFont val="Calibri"/>
        <family val="2"/>
      </rPr>
      <t>8 Мп</t>
    </r>
    <r>
      <rPr>
        <sz val="11"/>
        <rFont val="Calibri"/>
        <family val="2"/>
      </rPr>
      <t xml:space="preserve"> с ИК подсветкой до 30м, фикс. объектив 2.8/4.0 мм 1/3" CMOS,  угол обзора 112.7°/86.5°, ICR, 8MP (3840*2160): Max. 20 fps; 5MP (2592*1944): Max. 30 fps; 5MP(2944*1656): Max. 30 fps; 4MP(2560*1440): Max. 30 fps; 2MP(1920*1080): Max. 30 fps, тройной видеопоток, </t>
    </r>
    <r>
      <rPr>
        <b/>
        <sz val="11"/>
        <color rgb="FFFF0000"/>
        <rFont val="Calibri"/>
        <family val="2"/>
      </rPr>
      <t>WDR 120dB</t>
    </r>
    <r>
      <rPr>
        <sz val="11"/>
        <rFont val="Calibri"/>
        <family val="2"/>
      </rPr>
      <t>, Ultra 265/H.264/MJPEG, ICR, 0.05Lux минимальная освещенность, IP67; -40°C до +60°C; 12V, PoE (IEEE802.3 af), Потребляемая мощность: макс. 5,5 Вт. 0.45кг  Металлический корпус.</t>
    </r>
  </si>
  <si>
    <r>
      <t xml:space="preserve">Видеокамера IP Купольная антивандальная </t>
    </r>
    <r>
      <rPr>
        <b/>
        <sz val="11"/>
        <color rgb="FFFF0000"/>
        <rFont val="Calibri"/>
        <family val="2"/>
      </rPr>
      <t>8 Мп</t>
    </r>
    <r>
      <rPr>
        <sz val="11"/>
        <rFont val="Calibri"/>
        <family val="2"/>
      </rPr>
      <t xml:space="preserve"> с ИК подсветкой до 30м, фикс. объектив 2.8/4.0 мм 1/3" CMOS,  угол обзора 112.7°/86.5°, ICR, 8MP (3840*2160): Max. 20 fps; 5MP (2592*1944): Max. 30 fps; 5MP(2944*1656): Max. 30 fps; 4MP(2560*1440): Max. 30 fps; 2MP(1920*1080): Max. 30 fps, тройной видеопоток, </t>
    </r>
    <r>
      <rPr>
        <b/>
        <sz val="11"/>
        <color rgb="FFFF0000"/>
        <rFont val="Calibri"/>
        <family val="2"/>
      </rPr>
      <t>WDR 120dB</t>
    </r>
    <r>
      <rPr>
        <sz val="11"/>
        <rFont val="Calibri"/>
        <family val="2"/>
      </rPr>
      <t>, Ultra 265/H.264/MJPEG, ICR, 0.05Lux минимальная освещенность, IP67/IK10; -40°C до +60°C; 12V, PoE (IEEE802.3 af), Потребляемая мощность: макс. 5,5 Вт. 0.45кг  Металлический корпус.</t>
    </r>
  </si>
  <si>
    <r>
      <t xml:space="preserve">Видеокамера IP Купольная  </t>
    </r>
    <r>
      <rPr>
        <b/>
        <sz val="11"/>
        <color rgb="FFFF0000"/>
        <rFont val="Calibri"/>
        <family val="2"/>
      </rPr>
      <t>8 Мп</t>
    </r>
    <r>
      <rPr>
        <sz val="11"/>
        <rFont val="Calibri"/>
        <family val="2"/>
      </rPr>
      <t xml:space="preserve"> с ИК подсветкой до 30м, фикс. объектив 2.8/4.0 мм 1/3" CMOS,  угол обзора 112.7°/86.5°, ICR, 8MP (3840*2160): Max. 20 fps; 5MP (2592*1944): Max. 30 fps; 5MP(2944*1656): Max. 30 fps; 4MP(2560*1440): Max. 30 fps; 2MP(1920*1080): Max. 30 fps, тройной видеопоток, </t>
    </r>
    <r>
      <rPr>
        <b/>
        <sz val="11"/>
        <color rgb="FFFF0000"/>
        <rFont val="Calibri"/>
        <family val="2"/>
      </rPr>
      <t>WDR 120dB</t>
    </r>
    <r>
      <rPr>
        <sz val="11"/>
        <rFont val="Calibri"/>
        <family val="2"/>
      </rPr>
      <t>, Ultra 265/H.264/MJPEG, ICR, 0.05Lux минимальная освещенность, IP67; -40°C до +60°C; 12V, PoE (IEEE802.3 af), Потребляемая мощность: макс. 5 Вт. 0.33кг  Металлический корпус.</t>
    </r>
  </si>
  <si>
    <t>IPC3618LR3-DPF28-F</t>
  </si>
  <si>
    <t>IPC3618LR3-DPF40-F</t>
  </si>
  <si>
    <r>
      <t xml:space="preserve">Видеокамера IP Купольная антивандальная </t>
    </r>
    <r>
      <rPr>
        <b/>
        <sz val="11"/>
        <color rgb="FFFF0000"/>
        <rFont val="Calibri"/>
        <family val="2"/>
      </rPr>
      <t>5 Мп</t>
    </r>
    <r>
      <rPr>
        <sz val="11"/>
        <rFont val="Calibri"/>
        <family val="2"/>
      </rPr>
      <t xml:space="preserve"> с ИК подсветкой до 30м, моторизированный объектив: 2,8-12мм;  1/2,7" CMOS,  2592*1944:20fps, DWDR, Ultra 265/H.264/MJPEG, ICR, </t>
    </r>
    <r>
      <rPr>
        <b/>
        <sz val="11"/>
        <color rgb="FFFF0000"/>
        <rFont val="Calibri"/>
        <family val="2"/>
      </rPr>
      <t>0.005Lux</t>
    </r>
    <r>
      <rPr>
        <sz val="11"/>
        <rFont val="Calibri"/>
        <family val="2"/>
      </rPr>
      <t xml:space="preserve"> минимальная освещенность, cлот </t>
    </r>
    <r>
      <rPr>
        <b/>
        <sz val="11"/>
        <color rgb="FFFF0000"/>
        <rFont val="Calibri"/>
        <family val="2"/>
      </rPr>
      <t>micro SD (256Gb)</t>
    </r>
    <r>
      <rPr>
        <sz val="11"/>
        <rFont val="Calibri"/>
        <family val="2"/>
      </rPr>
      <t>, IK10, IP67; -40°C до +60°C; 12V, PoE (IEEE802.3 af), Потребляемая мощность: макс. 7,8 Вт. Металлический корпус.</t>
    </r>
  </si>
  <si>
    <r>
      <t xml:space="preserve">Видеокамера IP Купольная антивандальная </t>
    </r>
    <r>
      <rPr>
        <b/>
        <sz val="11"/>
        <color rgb="FFFF0000"/>
        <rFont val="Calibri"/>
        <family val="2"/>
      </rPr>
      <t>5 Мп</t>
    </r>
    <r>
      <rPr>
        <sz val="11"/>
        <rFont val="Calibri"/>
        <family val="2"/>
      </rPr>
      <t xml:space="preserve"> с ИК подсветкой до 30м, вариофокальный объектив: 2,8-12мм;  1/2,7" CMOS,  2592*1944:20fps, DWDR, Ultra 265/H.264/MJPEG, ICR, </t>
    </r>
    <r>
      <rPr>
        <b/>
        <sz val="11"/>
        <color rgb="FFFF0000"/>
        <rFont val="Calibri"/>
        <family val="2"/>
      </rPr>
      <t>0.005Lux</t>
    </r>
    <r>
      <rPr>
        <sz val="11"/>
        <rFont val="Calibri"/>
        <family val="2"/>
      </rPr>
      <t xml:space="preserve"> минимальная освещенность, cлот </t>
    </r>
    <r>
      <rPr>
        <b/>
        <sz val="11"/>
        <color rgb="FFFF0000"/>
        <rFont val="Calibri"/>
        <family val="2"/>
      </rPr>
      <t>micro SD (256Gb)</t>
    </r>
    <r>
      <rPr>
        <sz val="11"/>
        <rFont val="Calibri"/>
        <family val="2"/>
      </rPr>
      <t>, IK10, IP67; -40°C до +60°C; 12V, PoE (IEEE802.3 af), Потребляемая мощность: макс. 7,8 Вт. Металлический корпус.</t>
    </r>
  </si>
  <si>
    <t>Видеорегистратор IP 4-х канальный с 4 POE портами.  Видеовыходы  HDMI/ VGA,  Аудиовыход  1 канал RCA,   Н.265/Н.264,  Разрешение записи  и просмотра 5MP/4MP/3MP/1080p/960p/720p/D1/2CIF/CIF, Входящий поток 40 Мбит/с , Исходящий поток 40 Мбит/с,  декодирование: 1 x 5MP@30, 2 x 4MP@25, 2 x 3MP@30,4 x 1080p@25,  удаленных пользователей  256, Одновременный просмотр 4 каналов,  Поддержка P2P, UPnP, NTP, DHCP, PPPoE , ONVIF, 1 SATA  до 10 Tb, RJ-45 10M/100M Ethernet, 2 x USB2.0, питание 48В/10Вт (блок питания в комплекте). Размеры 260 × 240 × 46 мм, вес 1.1 кг</t>
  </si>
  <si>
    <t>Видеорегистратор IP 4-х канальный.  Видеовыходы  HDMI/ VGA,  Аудиовыход  1 канал RCA,   Н.265/Н.264,  Разрешение записи  и просмотра 5MP/4MP/3MP/1080p/960p/720p/D1/2CIF/CIF, Входящий поток 40 Мбит/с , Исходящий поток 40 Мбит/с,  декодирование: 1 x 5MP@30, 2 x 4MP@25, 2 x 3MP@30,4 x 1080p@25,  удаленных пользователей  256, Одновременный просмотр 4 каналов,  Поддержка P2P, UPnP, NTP, DHCP, PPPoE , ONVIF, 1 SATA  до 10 Tb, RJ-45 10M/100M Ethernet, 2 x USB2.0, питание 12В/9Вт (блок питания в комплекте). Размеры 260 × 240 × 46 мм, вес 1 кг</t>
  </si>
  <si>
    <t>Видеорегистратор IP 8-ми канальный.  Видеовыходы  HDMI/ VGA,  Аудиовыход  1 канал RCA,   Н.265/Н.264,  Разрешение записи  и просмотра 1080p/960p/720p, Входящий поток 50 Мбит/с , Исходящий поток 40 Мбит/с,  запись: 5MP/4MP/3MP/1080p/960p/720p/D1/2CIF/CIF, декодирование:  1 x 5MP@30, 2 x 4MP@25, 2 x 3MP@30,4 x 1080p@25, 8 x 960p@25,8 x 720p@30,  удаленных пользователей  256, Одновременный просмотр 8 каналов,  Поддержка P2P, UPnP, NTP, DHCP, PPPoE , ONVIF, 1 SATA  до 10 Tb, RJ-45 10M/100M Ethernet, 2 x USB2.0, питание 12В/9Вт (блок питания в комплекте). Размеры 260 × 240 × 46 мм, вес 1 кг</t>
  </si>
  <si>
    <t>Видеорегистратор IP 8-ми канальный с 8 POE портами.  Видеовыходы  HDMI/ VGA,  Н.265/Н.264,  Разрешение записи  и просмотра 1080p/960p/720p, Входящий поток 50 Мбит/с , Исходящий поток 40 Мбит/с,  запись: 5MP/4MP/3MP/1080p/960p/720p/D1/2CIF/CIF, декодирование:  1 x 5MP@30, 2 x 4MP@25, 2 x 3MP@30,4 x 1080p@25, 8 x 960p@25,  удаленных пользователей  256, Одновременный просмотр 8 каналов,  Поддержка P2P, UPnP, NTP, DHCP, PPPoE , ONVIF, 1 SATA  до 10 Tb, RJ-45 10M/100M Ethernet, 2 x USB2.0, питание 52В/9Вт (блок питания в комплекте) POE - 13.5W на каждый порт. Размеры 260 × 240 × 46 мм, вес 1.1 кг</t>
  </si>
  <si>
    <t>Видеорегистратор IP 4-х канальный с 4 POE портами. Видеовыходы  HDMI/ VGA,   Н.265/Н.264,  Разрешение записи  и просмотра 5MP/4MP/3MP/1080p/960p/720p/D1/2CIF/CIF.  Входящий поток 40 Мбит/с , Исходящий поток 40 Мбит/с,  декодирование:  1 x 5MP@30, 2 x 4MP@25, 2 x 3MP@30,4 x 1080p@25,  удаленных пользователей  256, Одновременный просмотр 4 каналов,  Поддержка P2P, UPnP, NTP, DHCP, PPPoE , ONVIF, 1 SATA  до 10 Tb, RJ-45 10M/100M Ethernet, 2 x USB2.0, питание 48В/10Вт (блок питания в комплекте) POE - 13.5W на каждый порт. Размеры 205 × 205 × 46 мм, вес 0.6 кг</t>
  </si>
  <si>
    <t>Видеорегистратор IP 8-ми канальный с 8 POE портами.  Видеовыходы  HDMI/ VGA,  Н.265/Н.264,  Разрешение записи  и просмотра 5MP/4MP/3MP/1080p/960p/720p/D1/2CIF/CIF, Входящий поток 50 Мбит/с , Исходящий поток 40 Мбит/с,  декодирование:  1 x 5MP@30, 2 x 4MP@25, 2 x 3MP@30,4 x 1080p@25, 8 x 960p@25,8 x 720p@30,  удаленных пользователей  256, Одновременный просмотр 8 каналов,  Поддержка P2P, UPnP, NTP, DHCP, PPPoE , ONVIF, 1 SATA  до 10 Tb, RJ-45 10M/100M Ethernet, 2 x USB2.0, питание 52В/9Вт (блок питания в комплекте) POE - 13.5W на каждый порт. Размеры 270 × 204 × 45 мм, вес 0.8 кг</t>
  </si>
  <si>
    <t>Видеорегистратор IP 8-ми канальный с 8 POE портами.  Видеовыходы  HDMI/ VGA,  Двухсторонний аудиовход 1 канал RCA, Аудиовыход  1 канал RCA,   Н.265/Н.264,  Разрешение записи  и просмотра 4K/5MP/4MP/3MP/1080p/960p/720p/D1/2CIF/CIF, Входящий поток 64 Мбит/с , Исходящий поток 64 Мбит/с,  декодирование:  2 x 4k@30, 3 x 5MP@30, 4 x 4MP@30, 5 x 3MP@30,8 x 1080p@30,  удаленных пользователей  256, Одновременный просмотр 8 каналов,  Поддержка P2P, UPnP, NTP, DHCP, PPPoE , ONVIF, 1 SATA  до 10 Tb, RJ-45 10M/100M Ethernet, 1 x USB2.0, 1 x USB3.0, питание 52В/8Вт (блок питания в комплекте) POE - 13.5W на каждый порт. Размеры 270 × 205 × 47 мм, вес 0.7 кг</t>
  </si>
  <si>
    <t>Видеорегистратор IP 32-х канальный. Видеовыходы  HDMI/ VGA,  Аудиовыход  1 канал RCA,   Н.265/Н.264,  Разрешение записи  и просмотра 8MP/6MP/5MP/4MP/3MP/1080p/960p/720p, Входящий поток 160 Мбит/с , Исходящий поток 64 Мбит/с,  декодирование:  2 x 4K@30 к/с, 3 x 5MP@30 к.с, 4 x 4MP@30к/с, 5 x 3MP@30, 8 x 1080p@30к/с, 16 x 720p@30к/с, 32 x D1,  удаленных пользователей  256, Одновременный просмотр 32 каналов,  Поддержка P2P, UPnP, NTP, DHCP, PPPoE , ONVIF, 2 SATA  до 10 Tb, 2 x RJ-45 10M/100M Ethernet, 1 x USB3.0, 2 x USB2.0, питание 12В/15Вт (блок питания в комплекте), размеры 380 мм ×315 мм × 49 мм , вес 2,48 кг</t>
  </si>
  <si>
    <t>Видеорегистратор IP 32-х канальный. Видеовыходы  HDMI/ VGA,  Аудиовыход  1 канал RCA,   Н.265/Н.264,  Разрешение записи  и просмотра 8MP/6MP/5MP/4MP/3MP/1080p/960p/720p, Входящий поток 160 Мбит/с , Исходящий поток 64 Мбит/с,  декодирование:  2 x 4K@30 к/с, 3 x 5MP@30 к.с, 4 x 4MP@30к/с, 5 x 3MP@30, 8 x 1080p@30к/с, 16 x 720p@30к/с, 32 x D1,  удаленных пользователей  256, Одновременный просмотр 32 каналов,  Поддержка P2P, UPnP, NTP, DHCP, PPPoE , ONVIF, 4 SATA  до 10 Tb, 2 x RJ-45 10M/100M Ethernet, 1 x USB3.0, 2 x USB2.0, питание 12В/15Вт (блок питания в комплекте), размеры 440 мм ×344 мм × 44 мм , вес 3,15 кг</t>
  </si>
  <si>
    <t>Видеокамера IP Купольная антивандальная Starview 5 Мп с ИК подсветкой до 30 м., фикс.объектив 2.8/4мм, 1/2.7" CMOS, угол обзора  105.3°/79.7°, ICR, 2592x1944:20fps / 1920x1080:25fps, Ultra 265/H.264/MJPEG, WDR 120dB, Starlight: 0.005 Lux минимальная освещенность, cлот micro SD (256Gb), тревожные вход/выход 1/1, Audio ввод/вывод 1/1.  Smart функции - Вторжение в зону, пересечение линий, детекция лиц, аудио детекция, расфокусировка, смена сцены, подсчет посетителей. IP67; -40°C до +60°C; 12V, PoE (IEEE802.3 af), Потребляемая мощность: макс. 5,5 Вт</t>
  </si>
  <si>
    <r>
      <t xml:space="preserve">Видеокамера IP Уличная цилиндрическая </t>
    </r>
    <r>
      <rPr>
        <b/>
        <sz val="11"/>
        <color rgb="FFFF0000"/>
        <rFont val="Calibri"/>
        <family val="2"/>
      </rPr>
      <t>2 Мп</t>
    </r>
    <r>
      <rPr>
        <sz val="11"/>
        <color rgb="FFFF0000"/>
        <rFont val="Calibri"/>
        <family val="2"/>
      </rPr>
      <t xml:space="preserve"> </t>
    </r>
    <r>
      <rPr>
        <sz val="11"/>
        <rFont val="Calibri"/>
        <family val="2"/>
      </rPr>
      <t>с ИК подсветкой до 30 м., фикс.  объектив 4мм/ 6мм, 1/2.7" CMOS, угол обзора 80.8°/54.9°, ICR, 1920x1080:25fps, тройной видеопоток, Ultra 265/H.264/MJPEG, DWDR,</t>
    </r>
    <r>
      <rPr>
        <b/>
        <sz val="11"/>
        <color rgb="FFFF0000"/>
        <rFont val="Calibri"/>
        <family val="2"/>
      </rPr>
      <t xml:space="preserve"> 0.005 Lux</t>
    </r>
    <r>
      <rPr>
        <sz val="11"/>
        <rFont val="Calibri"/>
        <family val="2"/>
      </rPr>
      <t xml:space="preserve"> минимальная освещенность, </t>
    </r>
    <r>
      <rPr>
        <b/>
        <sz val="11"/>
        <color rgb="FFFF0000"/>
        <rFont val="Calibri"/>
        <family val="2"/>
      </rPr>
      <t>втроенный микрофон, тревожные вход/выход 1/1</t>
    </r>
    <r>
      <rPr>
        <sz val="11"/>
        <rFont val="Calibri"/>
        <family val="2"/>
      </rPr>
      <t>.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6 Вт</t>
    </r>
  </si>
  <si>
    <r>
      <t>Видеокамера IP Купольная антивандальная</t>
    </r>
    <r>
      <rPr>
        <b/>
        <sz val="11"/>
        <color rgb="FFFF0000"/>
        <rFont val="Calibri"/>
        <family val="2"/>
      </rPr>
      <t xml:space="preserve"> 2 Мп</t>
    </r>
    <r>
      <rPr>
        <sz val="11"/>
        <rFont val="Calibri"/>
        <family val="2"/>
      </rPr>
      <t xml:space="preserve"> с ИК подсветкой не более 30 м. Фикс. объектив  2.8мм 1/2.7" CMOS,  угол обзора 112.7°, ICR, 1920x1080:30к/с, Ultra 265/H.264/MJPEG, тройной видеопоток, DC12V &amp; PoE, Слот для карты памяти </t>
    </r>
    <r>
      <rPr>
        <b/>
        <sz val="11"/>
        <color rgb="FFFF0000"/>
        <rFont val="Calibri"/>
        <family val="2"/>
      </rPr>
      <t>Micro SD 256GB,120dB WDR, 0.003Lux (F2.0, AGC ON)</t>
    </r>
    <r>
      <rPr>
        <sz val="11"/>
        <rFont val="Calibri"/>
        <family val="2"/>
      </rPr>
      <t>, сигнал тревоги ввод/вывод1/1,Audio ввод/вывод1/1, IP67 &amp; IK10. 3  плоскости регулировки положения. Smart функции - Вторжение в зону, пересечение линий, детекция лиц, аудио детекция, расфокусировка, смена сцены, подсчет посетителей. IP67/IK10; -40°C до +60°C; 12V, PoE (IEEE802.3 af), Потребляемая мощность: макс. 4 Вт</t>
    </r>
  </si>
  <si>
    <r>
      <t xml:space="preserve">Видеокамера IP Купольная антивандальная </t>
    </r>
    <r>
      <rPr>
        <b/>
        <sz val="11"/>
        <color rgb="FFFF0000"/>
        <rFont val="Calibri"/>
        <family val="2"/>
      </rPr>
      <t xml:space="preserve">2 Мп </t>
    </r>
    <r>
      <rPr>
        <sz val="11"/>
        <rFont val="Calibri"/>
        <family val="2"/>
      </rPr>
      <t xml:space="preserve">с ИК подсветкой не более 30 м. Фикс. объектив  4.0мм.1/2.7" CMOS,  угол обзора  86.5°, ICR, 1920x1080:30к/с, Ultra 265/H.264/MJPEG, тройной видеопоток, DC12V &amp; PoE, Слот для карты памяти </t>
    </r>
    <r>
      <rPr>
        <b/>
        <sz val="11"/>
        <color rgb="FFFF0000"/>
        <rFont val="Calibri"/>
        <family val="2"/>
      </rPr>
      <t>Micro SD,120dB WDR, 0.003Lux (F2.0, AGC ON)</t>
    </r>
    <r>
      <rPr>
        <sz val="11"/>
        <rFont val="Calibri"/>
        <family val="2"/>
      </rPr>
      <t>, сигнал тревоги ввод/вывод1/1,Audio ввод/вывод1/1, IP67 &amp; IK10.3  плоскости регулировки положения. Smart функции - Вторжение в зону, пересечение линий, детекция лиц, аудио детекция, расфокусировка, смена сцены, подсчет посетителей. IP67/IK10; -40°C до +60°C; 12V, PoE (IEEE802.3 af), Потребляемая мощность: макс. 4 Вт</t>
    </r>
  </si>
  <si>
    <r>
      <t xml:space="preserve">Видеокамера IP Уличная цилиндрическая </t>
    </r>
    <r>
      <rPr>
        <b/>
        <sz val="11"/>
        <color rgb="FFFF0000"/>
        <rFont val="Calibri"/>
        <family val="2"/>
      </rPr>
      <t>2 Мп</t>
    </r>
    <r>
      <rPr>
        <sz val="11"/>
        <rFont val="Calibri"/>
        <family val="2"/>
      </rPr>
      <t xml:space="preserve"> с ИК подсветкой до 30 м., фикс.  объектив 4мм, 1/2.7" CMOS, угол обзора 80.8°, ICR, 1920x1080:25fps, тройной видеопоток, Ultra 265/H.264/MJPEG, DWDR, </t>
    </r>
    <r>
      <rPr>
        <b/>
        <sz val="11"/>
        <color rgb="FFFF0000"/>
        <rFont val="Calibri"/>
        <family val="2"/>
      </rPr>
      <t>0.005 Lux</t>
    </r>
    <r>
      <rPr>
        <sz val="11"/>
        <rFont val="Calibri"/>
        <family val="2"/>
      </rPr>
      <t xml:space="preserve"> минимальная освещенность.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6 Вт</t>
    </r>
  </si>
  <si>
    <t>0/1</t>
  </si>
  <si>
    <t>Model HB-5028-E
Application Pedestal for MW3228-F
Dimension（W×H×D） 290.85mm×330.65mm×213.50mm
Weight 1.38 Kg
Material ABS &amp; SGCC
Standard VESA</t>
  </si>
  <si>
    <t>802.4af/at</t>
  </si>
  <si>
    <t>65W</t>
  </si>
  <si>
    <t>802.5af/at</t>
  </si>
  <si>
    <t>120W</t>
  </si>
  <si>
    <t>802.6af/at</t>
  </si>
  <si>
    <t>250W</t>
  </si>
  <si>
    <t>802.7af/at</t>
  </si>
  <si>
    <t>370W</t>
  </si>
  <si>
    <t>Комментарий</t>
  </si>
  <si>
    <t>AC24V/3A European Standard Power Adapter</t>
  </si>
  <si>
    <t>DC12V/1A Wall Plug Standard Power Adapter</t>
  </si>
  <si>
    <r>
      <t xml:space="preserve">Housing(Outdoor -20 </t>
    </r>
    <r>
      <rPr>
        <sz val="9"/>
        <color theme="1"/>
        <rFont val="宋体"/>
        <charset val="134"/>
      </rPr>
      <t>℃</t>
    </r>
    <r>
      <rPr>
        <sz val="9"/>
        <color theme="1"/>
        <rFont val="Calibri Light"/>
        <family val="2"/>
      </rPr>
      <t xml:space="preserve">~60 </t>
    </r>
    <r>
      <rPr>
        <sz val="9"/>
        <color theme="1"/>
        <rFont val="宋体"/>
        <charset val="134"/>
      </rPr>
      <t>℃</t>
    </r>
    <r>
      <rPr>
        <sz val="9"/>
        <color theme="1"/>
        <rFont val="Calibri Light"/>
        <family val="2"/>
      </rPr>
      <t>) Outside: 462mm×161mm×112mm (17.04” x 6.3”x 4.4”)
Inside: 365×105×78.5mm (12.2”×4.2”×3.1”) 1.42kg(3.13lb)</t>
    </r>
  </si>
  <si>
    <r>
      <t xml:space="preserve">Housing(Outdoor (including sun shade,Heater,Fan), -40 </t>
    </r>
    <r>
      <rPr>
        <sz val="9"/>
        <color theme="1"/>
        <rFont val="宋体"/>
        <charset val="134"/>
      </rPr>
      <t>℃</t>
    </r>
    <r>
      <rPr>
        <sz val="9"/>
        <color theme="1"/>
        <rFont val="Calibri Light"/>
        <family val="2"/>
      </rPr>
      <t xml:space="preserve">~60 </t>
    </r>
    <r>
      <rPr>
        <sz val="9"/>
        <color theme="1"/>
        <rFont val="宋体"/>
        <charset val="134"/>
      </rPr>
      <t>℃</t>
    </r>
    <r>
      <rPr>
        <sz val="9"/>
        <color theme="1"/>
        <rFont val="Calibri Light"/>
        <family val="2"/>
      </rPr>
      <t>) Outside:433mm×161mm×112mm(17.04” x 6.3”x 4.4”)
Inside: 309.4mm×106.4mm×78.5mm(12.2” x 4.2”x 3.1”) 1.6KG(3.53lb)</t>
    </r>
  </si>
  <si>
    <t>HS-217S-B-NB</t>
  </si>
  <si>
    <t>HS-217S-B-NB (including sun shade)
Application Indoor\Outdoor
Operating Condition –20℃~60℃(-4°F ~ 140°F)
Humidity ≤95%RH( non-condensing)
Dimensions (L × W × H) 497.7mm×122.6mm×168.9mm
Weight 2.4kg(5.3lb)
Material Shell:aluminum alloy  Sun shade:plastic</t>
  </si>
  <si>
    <t>HS-217SHB-B-NB</t>
  </si>
  <si>
    <t>HS-217SHB-B-NB (including sun shade,Heater,Fan)
Application Indoor\Outdoor
Power supply AC24V
Power Heater:20W, Fan:1.8W
Operating Condition –40℃~70℃(-40°F ~ 158°F)
Humidity ≤95%RH( non-condensing)
Working conditions of temperature control module The heating on:≤9±3℃
The heating off:≥14±3℃
The fan opens when the heat is turned on
Dimensions (L × W × H) 497.7mm×122.6mm×168.9mm
Weight 2.7kg(5.95lb)
Material Shell:aluminum alloy  Sun shade:plastic
Ingress Protection IP66</t>
  </si>
  <si>
    <t>HS-217SHB-IR-B-NB</t>
  </si>
  <si>
    <t>HS-217SHB-IR-B-NB (including sun shade,Heater,Fan)
Application Indoor\Outdoor
Power Supply AC24V
Power Heater:20W, Fan:1.8W, IR:≤12W
Operating Condition –40℃~70℃(-40°F ~ 158°F)
Humidity ≤95%RH( non-condensing)
Working Conditions of Temperature Control Module The heating on:≤9±3℃
The heating off:≥14±3℃
The fan opens when the heat is turned on
Dimensions (L × W × H) 497.7mm×122.6mm×168.9mm
Weight 2.8kg(6.2lb)
Material Shell:aluminum alloy  Sun shade:plastic
Ingress Protection IP66
IR Distance 100m</t>
  </si>
  <si>
    <r>
      <t xml:space="preserve">Housing(Outdoor (including sun shade, Heater,Fan), -40 </t>
    </r>
    <r>
      <rPr>
        <sz val="9"/>
        <rFont val="宋体"/>
        <charset val="134"/>
      </rPr>
      <t>℃</t>
    </r>
    <r>
      <rPr>
        <sz val="9"/>
        <rFont val="Calibri Light"/>
        <family val="2"/>
      </rPr>
      <t xml:space="preserve">~60 </t>
    </r>
    <r>
      <rPr>
        <sz val="9"/>
        <rFont val="宋体"/>
        <charset val="134"/>
      </rPr>
      <t>℃</t>
    </r>
    <r>
      <rPr>
        <sz val="9"/>
        <rFont val="Calibri Light"/>
        <family val="2"/>
      </rPr>
      <t>, Built-in IR LED) Outside: 462mm×161mm×112mm(18.2” x 6.3”x 4.4”)
Inside: 300×105×78.5mm (11.8”×4.1”×3.1”) 1.65KG(3.63lb)</t>
    </r>
  </si>
  <si>
    <t>★</t>
  </si>
  <si>
    <t>TR-WM06-I-IN</t>
  </si>
  <si>
    <t>Wall mount for housing
140mm×88mm×374mm
0.8kg(1.76lb)</t>
  </si>
  <si>
    <t>TR-WM06-B</t>
  </si>
  <si>
    <t>Bracket TR-WM06-F
Application wall installation for 2CXX Bullet without 3-axis bracket
Dimensions 204mmx71mmx49mm(8.03” x 2.79”x1.92”)
Weight 132g(0.29lb)
Material Aluminum alloy</t>
  </si>
  <si>
    <t>Bracket TR-WE45-D-IN
Application Indoor or outdoor, Multi-sensor Panoramic Network Camera Wall installation
Dimensions 225.0mmx111.3mmx150.6mm(8.9” x 4.4”x 5.9”)
Weight 0.58kg (1.28lb)
Material Aluminum alloy</t>
  </si>
  <si>
    <t xml:space="preserve">Bracket TR-CM06-C-IN
Application Indoor or outdoor, Multi-sensor Panoramic Network Camera Pendant installation
Dimensions 539.0mmx366.5mmx116.5mm(25.2” x 14.4”x 4.6”)
Weight 1.63kg (3.59lb)
Material Aluminum alloy
</t>
  </si>
  <si>
    <t>Bracket TR-UV06-C-IN
Application Indoor or outdoor, pole or rail installation
Dimensions 116.9mmx101.0mmx83.0mm(4.6” x 4.0”x 3.3”)
Weight 0.28kg (0.62lb)
Material Aluminum alloy</t>
  </si>
  <si>
    <t>Bracket TR-A01-IN
Application Indoor and outdoor
Dimensions Ø37 × 46mm (Ø1.46” × 1.81”)
Weight 0.023kg(0.05lb)
Material Plastic</t>
  </si>
  <si>
    <t>BOX CAMERA</t>
  </si>
  <si>
    <t>IPC54X/IPC56X series</t>
  </si>
  <si>
    <t>TR-WM06-I-IN_x000D_</t>
    <phoneticPr fontId="38" type="noConversion"/>
  </si>
  <si>
    <t>2115C041</t>
  </si>
  <si>
    <t>2115C03B</t>
  </si>
  <si>
    <t>2118C00B</t>
  </si>
  <si>
    <t>2118C01B</t>
  </si>
  <si>
    <t>2118C012</t>
  </si>
  <si>
    <t>0231C0LQ</t>
  </si>
  <si>
    <t>2115C02X</t>
  </si>
  <si>
    <t>2115C02R</t>
  </si>
  <si>
    <t>2115C02T</t>
  </si>
  <si>
    <t>2115C02S</t>
  </si>
  <si>
    <t>2115C02V</t>
  </si>
  <si>
    <t>2118C01X</t>
  </si>
  <si>
    <t>0231C0SM</t>
  </si>
  <si>
    <t>0231C0SN</t>
  </si>
  <si>
    <t>2115C0B9</t>
  </si>
  <si>
    <t xml:space="preserve">Indoor Wall mount </t>
  </si>
  <si>
    <t xml:space="preserve">Indoor Wall /Pendent  mount </t>
  </si>
  <si>
    <t>Housing (Indoor)</t>
  </si>
  <si>
    <t xml:space="preserve">Outdoor installation
(-20 ℃~60 ℃)
</t>
  </si>
  <si>
    <t xml:space="preserve">Outdoor installation
(-40 ℃~60 ℃)
</t>
  </si>
  <si>
    <r>
      <t xml:space="preserve">Outdoor installation
Built-in IR LED
(-40 </t>
    </r>
    <r>
      <rPr>
        <sz val="10"/>
        <rFont val="微软雅黑"/>
        <family val="2"/>
        <charset val="134"/>
      </rPr>
      <t xml:space="preserve">℃~60 ℃)
</t>
    </r>
  </si>
  <si>
    <t>Horizontal Pole mount for housing</t>
  </si>
  <si>
    <t>Pole mount(Need Wall mount)</t>
  </si>
  <si>
    <t>Pendent mount for housing</t>
  </si>
  <si>
    <t>Wall mount for housing</t>
  </si>
  <si>
    <t>Corridor mode installation</t>
  </si>
  <si>
    <t>Outdoor installation
(-20 ℃~60 ℃)</t>
  </si>
  <si>
    <t>Outdoor installation
(-40 ℃~70 ℃)</t>
  </si>
  <si>
    <t>193mmx60mmx77mm(7.6" x 2.4"x 3.0")</t>
  </si>
  <si>
    <t>Φ105mmx154.5mm(Φ4.1" x6.1")</t>
  </si>
  <si>
    <t>305mmx115.4mmx92mm (12.0" x 4.5"x 3.6")</t>
  </si>
  <si>
    <t>462mm×161mm×112mm(17.04” x 6.3”x 4.4”)</t>
  </si>
  <si>
    <t>433mm×161mm×112mm(17.04” x 6.3”x 4.4”)</t>
  </si>
  <si>
    <t>462mm×161mm×112mm(18.2” x 6.3”x 4.4”)</t>
  </si>
  <si>
    <t>115mmx103mmx100mm(4.5" x 4.1"x 3.9")</t>
  </si>
  <si>
    <t>120mmx120mmx53.4mm(4.7" x 4.7"x 2.1")</t>
  </si>
  <si>
    <t>491mmx239mmx100mm(19.3" x9.4" x3.9" )</t>
  </si>
  <si>
    <t>300mmx80mmx133.2mm(11.8" x 3.1"x 5.2")</t>
  </si>
  <si>
    <t>70mmx52mmx52mm (2.8"x2.0"x2.0")</t>
  </si>
  <si>
    <t>497.7mm×122.6mm×168.9mm</t>
  </si>
  <si>
    <t>497.7mm×122.6mm×168.9mm</t>
    <phoneticPr fontId="38" type="noConversion"/>
  </si>
  <si>
    <t>140mm×88mm×374mm</t>
  </si>
  <si>
    <t>0.2kg(0.44lb)</t>
  </si>
  <si>
    <t>0.8kg(1.8lb)</t>
  </si>
  <si>
    <t>1.42KG(3.13lb)</t>
  </si>
  <si>
    <t>1.6KG(3.53lb)</t>
  </si>
  <si>
    <t>1.65KG(3.63lb)</t>
  </si>
  <si>
    <t>0.8kg(1.76lb)</t>
  </si>
  <si>
    <t>0.45kg(0.99lb)</t>
  </si>
  <si>
    <t>0.61kg(1.3lb)</t>
  </si>
  <si>
    <t>0.41kg(0.9lb)</t>
  </si>
  <si>
    <t>0.1kg(0.22lb)</t>
  </si>
  <si>
    <t>2.4kg(5.3lb)</t>
  </si>
  <si>
    <t>2.7kg(5.95lb)</t>
  </si>
  <si>
    <t>2.8kg(6.2lb)</t>
  </si>
  <si>
    <t>FIXED DOME</t>
  </si>
  <si>
    <t>IPC323x series</t>
  </si>
  <si>
    <t xml:space="preserve">TR-WM04-IN </t>
  </si>
  <si>
    <t>2115C04F</t>
  </si>
  <si>
    <t>2115C043</t>
  </si>
  <si>
    <t>2115C0AV</t>
  </si>
  <si>
    <t>2115C0AP</t>
  </si>
  <si>
    <t>2115C04P</t>
  </si>
  <si>
    <t>2160C00D</t>
  </si>
  <si>
    <t>2115C0B1</t>
  </si>
  <si>
    <t>2115C0B2</t>
  </si>
  <si>
    <t>2115C0B3</t>
  </si>
  <si>
    <t>In-ceiling mount</t>
  </si>
  <si>
    <t>Wall mount</t>
  </si>
  <si>
    <t>Wall mount
with junction box
(Extra back outlet for cable)</t>
  </si>
  <si>
    <t>Junction box</t>
  </si>
  <si>
    <t>Electric-box Transfer plate</t>
  </si>
  <si>
    <t>NPT ¾"Plastic
Waterproof joint</t>
  </si>
  <si>
    <t>Dome Pendent  Mounting Bracket (Need Juction box)</t>
  </si>
  <si>
    <t>Dome Pendent  Mounting Pole
 (200mm,need Pendent  mount adaptor with TR-CM24-IN)</t>
  </si>
  <si>
    <t>Dome Pendent  Mounting Pole
 (500mm,need Pendent  mount adaptor with TR-CM24-IN)</t>
  </si>
  <si>
    <t>Φ235mmx63mm(Φ9.3" x2.5")</t>
  </si>
  <si>
    <t>208mmx125mmx125mm (8.2" x4.9" x4.9")</t>
  </si>
  <si>
    <t>253mmx125mmx125mm (10" x4.9" x4.9")</t>
  </si>
  <si>
    <t>Φ145mmx40mm (Φ5.7" x1.6")</t>
  </si>
  <si>
    <t>Φ145mmx13mm (Φ5.7" x0.5")</t>
  </si>
  <si>
    <t>NPT 3/4"</t>
  </si>
  <si>
    <t>Φ110mmx223.5mm
(Φ4.3"x8.8")</t>
  </si>
  <si>
    <t>Φ32mmx220mm
(Φ1.3"x8.7")</t>
  </si>
  <si>
    <t>Φ32mmx520mm
(Φ1.3"x20.5")</t>
  </si>
  <si>
    <t>0.49kg(1.1 lb)</t>
  </si>
  <si>
    <t>0.48kg(1.1lb)</t>
  </si>
  <si>
    <t>0.96kg(2.1lb)</t>
  </si>
  <si>
    <t>0.24kg(0.5lb)</t>
  </si>
  <si>
    <t>0.13kg(0.29lb)</t>
  </si>
  <si>
    <t>0.025kg(0.055lb)</t>
  </si>
  <si>
    <t>0.25kg(0.55lb)</t>
  </si>
  <si>
    <t>0.16kg(0.35lb)</t>
  </si>
  <si>
    <t>0.35kg(0.77lb)</t>
  </si>
  <si>
    <r>
      <t>IPC32x</t>
    </r>
    <r>
      <rPr>
        <sz val="10"/>
        <color rgb="FFFF0000"/>
        <rFont val="微软雅黑"/>
        <family val="2"/>
        <charset val="134"/>
      </rPr>
      <t>S/E/L</t>
    </r>
    <r>
      <rPr>
        <sz val="10"/>
        <color theme="1"/>
        <rFont val="微软雅黑"/>
        <family val="2"/>
        <charset val="134"/>
      </rPr>
      <t xml:space="preserve"> series</t>
    </r>
  </si>
  <si>
    <t>2115C07V</t>
  </si>
  <si>
    <t>2115C0AW</t>
  </si>
  <si>
    <t>2115C0AX</t>
  </si>
  <si>
    <t>2115C0AM</t>
  </si>
  <si>
    <t>Tilted mounting</t>
  </si>
  <si>
    <t>Φ109.6mmx20mm 
(Φ4.3" x 0.8")</t>
  </si>
  <si>
    <t>Φ110mmx223.5mm
(4.3"x8.8")</t>
  </si>
  <si>
    <t>Φ32mmx220mm
(1.3"x8.7")</t>
  </si>
  <si>
    <t>Φ32mmx520mm
(1.3"x20.5")</t>
  </si>
  <si>
    <t>126mmx127mmx183mm (4.96” x5” x7.20”)</t>
  </si>
  <si>
    <t>125mm*125mm*228mm (4.92” x4.92”x8.98”)</t>
  </si>
  <si>
    <t>φ106.6mm*36mm (4.20” x1.42”)</t>
  </si>
  <si>
    <t>0.04kg(0.1lb)</t>
  </si>
  <si>
    <t>0.52kg(1.15lb)</t>
  </si>
  <si>
    <t>1kg(2.20lb)</t>
  </si>
  <si>
    <r>
      <t>IPC361x</t>
    </r>
    <r>
      <rPr>
        <sz val="10"/>
        <color rgb="FFFF0000"/>
        <rFont val="微软雅黑"/>
        <family val="2"/>
        <charset val="134"/>
      </rPr>
      <t xml:space="preserve">L </t>
    </r>
    <r>
      <rPr>
        <sz val="10"/>
        <color theme="1"/>
        <rFont val="微软雅黑"/>
        <family val="2"/>
        <charset val="134"/>
      </rPr>
      <t xml:space="preserve">series
</t>
    </r>
  </si>
  <si>
    <t>2115C0AR</t>
  </si>
  <si>
    <t>Φ117mmx36mm (4.63" x1.41")</t>
  </si>
  <si>
    <t>0.18kg(0.4lb)</t>
  </si>
  <si>
    <t>IPC361x series
IPC363X
seies
Mini PTZ</t>
  </si>
  <si>
    <t xml:space="preserve">TR-WM03-B-IN </t>
  </si>
  <si>
    <t>2115C08L</t>
  </si>
  <si>
    <t>2115C0AU</t>
  </si>
  <si>
    <t>2115C0AN</t>
  </si>
  <si>
    <t>188mmx126mmx126mm (7.4" x5" x5")</t>
  </si>
  <si>
    <t>233mmx126mmx126mm (9.2" x5" x5")</t>
  </si>
  <si>
    <t>Φ126mm*36mm (4.96” x1.42”)</t>
  </si>
  <si>
    <t>0.44kg(0.97lb)</t>
  </si>
  <si>
    <t>0.9kg(1.98lb)</t>
  </si>
  <si>
    <t>0.24kg(0.53lb)</t>
  </si>
  <si>
    <t>IPC31x series
Metal base</t>
  </si>
  <si>
    <t>Φ109.6mmx20mm (4.3" x 0.8")</t>
  </si>
  <si>
    <t>Φ109mmx39mm (4.29" x1.54")</t>
  </si>
  <si>
    <t>IPC868 series</t>
  </si>
  <si>
    <t xml:space="preserve">
</t>
  </si>
  <si>
    <t>2115C0AQ</t>
  </si>
  <si>
    <t>Φ149mmx40mm (5.9" x1.6")</t>
  </si>
  <si>
    <t>0.28kg(0.6lb)</t>
  </si>
  <si>
    <t>IPC814 series</t>
  </si>
  <si>
    <t>Φ126mmx36mm (5.0" x1.4")</t>
  </si>
  <si>
    <t>BULLET CAMERA</t>
  </si>
  <si>
    <t>IPC222x series
IPC23xx series
IPC74x series
IPC26x series</t>
  </si>
  <si>
    <t>2115C08A</t>
  </si>
  <si>
    <t>2115C0AT</t>
  </si>
  <si>
    <t>2115C0B4</t>
  </si>
  <si>
    <t>2115C0AY</t>
  </si>
  <si>
    <t>Pole mount</t>
  </si>
  <si>
    <t>Junction box (Extra back outlet for cable)</t>
  </si>
  <si>
    <t xml:space="preserve">Pole mount
</t>
  </si>
  <si>
    <t xml:space="preserve">99mmx90mmx38mm(3.9" x 3.5"x 1.5") </t>
  </si>
  <si>
    <t xml:space="preserve">125mmx125mmx55m(4.8" x4.8" x2.2")
</t>
  </si>
  <si>
    <t>127 × 136 × 62.35mm (5.00” × 5.35” × 2.45”)</t>
  </si>
  <si>
    <t>102mm*102mm*55.5mm
(4.0“x4.0”x2.2“)</t>
  </si>
  <si>
    <t>0.75kg(1.65b)</t>
  </si>
  <si>
    <t>0.34kg (0.75lb)</t>
  </si>
  <si>
    <t>0.4kg(0.88lb)</t>
  </si>
  <si>
    <t>IPC252 series</t>
  </si>
  <si>
    <t xml:space="preserve">IPC2C22
</t>
  </si>
  <si>
    <t>2115C09P</t>
  </si>
  <si>
    <t xml:space="preserve">Wall mount </t>
  </si>
  <si>
    <t>204mmx71mmx49mm(8.03” x 2.79”x1.92”)</t>
  </si>
  <si>
    <t>0.13Kg(0.29lb)</t>
  </si>
  <si>
    <t xml:space="preserve">IPC21xx series </t>
  </si>
  <si>
    <t>2115C0AS</t>
  </si>
  <si>
    <t>93mmX93mmX39mm(3.7" x3.7" x1.5")</t>
  </si>
  <si>
    <t xml:space="preserve">IPC21xx series
(Round mount) </t>
  </si>
  <si>
    <t>2115C083</t>
  </si>
  <si>
    <t>2115C0B0</t>
  </si>
  <si>
    <t>Φ104mmx54.5mm (Φ4.1" x2.1")</t>
  </si>
  <si>
    <t>PTZ DOME</t>
  </si>
  <si>
    <t>IPC62xx Series
IPC63xx Series</t>
  </si>
  <si>
    <t>2115C033</t>
  </si>
  <si>
    <t>2115C038</t>
  </si>
  <si>
    <t>2115C035</t>
  </si>
  <si>
    <t>2115C036</t>
  </si>
  <si>
    <t>Pendent  mount adaptor</t>
  </si>
  <si>
    <t>Pendent  mount (200 mm)</t>
  </si>
  <si>
    <t>Pendent  mount (200 mm ,need Pendent  mount adaptor with CE45)</t>
  </si>
  <si>
    <t>Ceiling mount (500 mm ,need Pendent  mount adaptor  with CE45)</t>
  </si>
  <si>
    <t>Φ116mmx30.5mm (Φ4.6" x1.2")</t>
  </si>
  <si>
    <t>Φ116.5mmx239mm (Φ4.6" x9.4")</t>
  </si>
  <si>
    <t>Φ59mmx226mm(Φ2.3" x8.9")</t>
  </si>
  <si>
    <t>Φ59mmx526mm(Φ2.3" x20.7")</t>
  </si>
  <si>
    <t>0.3kg(0.66lb)</t>
  </si>
  <si>
    <t>0.67kg(1.5lb)</t>
  </si>
  <si>
    <t>0.42kg(0.9lb)</t>
  </si>
  <si>
    <t>0.93kg(2.1lb)</t>
  </si>
  <si>
    <t>TR-UP08-A-IN(Steel)</t>
  </si>
  <si>
    <t>TR-UC08-A-IN(Steel)</t>
  </si>
  <si>
    <t>TR-UP08-B-IN(Al Alloy)</t>
  </si>
  <si>
    <t>TR-UC08-B-IN(Al Alloy)</t>
  </si>
  <si>
    <t>2115C037</t>
  </si>
  <si>
    <t>2115C04J</t>
  </si>
  <si>
    <t>2115C077</t>
  </si>
  <si>
    <t>2115C04U</t>
  </si>
  <si>
    <t>2115C039</t>
  </si>
  <si>
    <t>2115C03A</t>
  </si>
  <si>
    <t>2115C054</t>
  </si>
  <si>
    <t>2115C053</t>
  </si>
  <si>
    <t>Vertical Pole mount (Need Wall mount)</t>
  </si>
  <si>
    <t>Corner mount (Need Wall mount)</t>
  </si>
  <si>
    <t>230.3mmx141mmx201.5mm(9.1" x 5.6"x 7.9")</t>
  </si>
  <si>
    <t>216mmx141mmx314mm(8.5" x 5.6"x 12.4")</t>
  </si>
  <si>
    <t>296mmx244mmx127mm (11.7" x9.6" x5")</t>
  </si>
  <si>
    <t>215mmx170mmx52mm(4.7" x 4.7"x 2.1")</t>
  </si>
  <si>
    <t>215mmx210mmx122mm(8.5" x 8.3"x 4.8")</t>
  </si>
  <si>
    <t>0.79kg(1.74lb)</t>
  </si>
  <si>
    <t>1.0kg(2.2lb)</t>
  </si>
  <si>
    <t>4.2kg(9.26lb)</t>
  </si>
  <si>
    <t>2.5kg(5.5lb)</t>
  </si>
  <si>
    <t>1.47kg(3.2lb)</t>
  </si>
  <si>
    <t>1.87kg(4.1lb)</t>
  </si>
  <si>
    <t xml:space="preserve">IPC68x Series </t>
  </si>
  <si>
    <t>Pendent  mount (200 mm ,need Pendent  mount adaptor)</t>
  </si>
  <si>
    <t>Ceiling mount (500 mm ,need Pendent  mount adaptor)</t>
  </si>
  <si>
    <t>Φ116mmx30.5mm(Φ4.6" x1.2")</t>
  </si>
  <si>
    <t>Φ116.5mmx239mm(Φ4.6" x9.4")</t>
  </si>
  <si>
    <t>Vertical Pole mount (Need Wall mount )</t>
  </si>
  <si>
    <t>Corner mount (Need Wall mount )</t>
  </si>
  <si>
    <t>IPC6222EI-X22UP-C</t>
  </si>
  <si>
    <t>2115C082</t>
  </si>
  <si>
    <t>2115C02P</t>
  </si>
  <si>
    <t>Adaptor</t>
  </si>
  <si>
    <t>Indoor pendent  mount
 (200 mm,Need Adaptor)</t>
  </si>
  <si>
    <t>Wall mont(Need Adaptor)</t>
  </si>
  <si>
    <t>φ149mm*44mm(Φ5.9" x1.7")</t>
  </si>
  <si>
    <t>Φ280mmx172.4mm (Φ11" x6.8")</t>
  </si>
  <si>
    <t>0.22kg(0.48lb)</t>
  </si>
  <si>
    <t>2kg(4.4lb)</t>
  </si>
  <si>
    <t>IPC8542ER5-DUG</t>
  </si>
  <si>
    <t xml:space="preserve">2115C0BD </t>
  </si>
  <si>
    <t xml:space="preserve">2115C0BE </t>
  </si>
  <si>
    <t xml:space="preserve">2115C0B6 </t>
  </si>
  <si>
    <t>Pendant Mount</t>
  </si>
  <si>
    <t>2D Bracket Mount</t>
  </si>
  <si>
    <t>Wall Mount</t>
  </si>
  <si>
    <t>Pole mount Adapter(Need Wall mount)</t>
  </si>
  <si>
    <t>Pole mount(Need 2D Bracket mount)</t>
  </si>
  <si>
    <t>539.0mmx366.5mmx116.5mm(25.2” x 14.4”x 4.6”)</t>
  </si>
  <si>
    <t>116.9mmx101.0mmx83.0mm(4.6” x 4.0”x 3.3”)</t>
  </si>
  <si>
    <t>225.0mmx111.3mmx150.6mm(8.9” x 4.4”x 5.9”)</t>
  </si>
  <si>
    <t>99mmx90mmx38mm (3.9”x3.5”x1.5”)</t>
  </si>
  <si>
    <t>1.63kg (3.59lb)</t>
  </si>
  <si>
    <t>0.28kg (0.62lb)</t>
  </si>
  <si>
    <t>0.58kg (1.28lb)</t>
  </si>
  <si>
    <t>Model HB-5043-E
Application Pedestal for MW3243-E
Dimension（W×H×D） 80mm×553mm×244mm
Weight 3.15 Kg
Material SGCC
Standard VESA</t>
  </si>
  <si>
    <t>Model HB-5032-E
Application Pedestal for MW3232-E
Dimension（W×H×D） 80mm×428mm×244mm
Weight 2.85 Kg
Material SGCC
Standard VESA</t>
  </si>
  <si>
    <t>Model HB-4032-E
Application Hanging Bracket for, MW3232-E, MW3243-E
Dimension（W×H×D） 440mm×425mm×47mm
Weight 1.4 Kg
Material SGCC
Standard VESA</t>
  </si>
  <si>
    <t>LCD видеопанели и аксессуары</t>
  </si>
  <si>
    <t>MW-A46-B1</t>
  </si>
  <si>
    <t>LCD Splicing Display Unit
Diagonal Size (inch) 46″
Backlight LED (Direct type)
Physical Seam 3.5 mm
Resolution 1920×1080
Color 16.7M
Brightness 500 cd/m2
Contrast 4000:1
Response Time 8 ms
Viewing Angle Horizontal 178°, Vertical 178°
Interface
Input Interface 1×VGA, 1×DVI, 1×HDMI
USB 1×USB
Control Interface 1×RS-232 IN, 1×RS-232 OUT, 1×IR
General
Dimensions (W×H×D) 1022.28mm×576.87mm×125.45mm
Power Supply 100 to 240 VAC
Consumption 141.6 W
Weight 22.5 Kg
Operation Temperature 0°C ~ 40 °C
Operating Humidity 20%~90% (No Condensation)</t>
  </si>
  <si>
    <t>MW-A49-B1</t>
  </si>
  <si>
    <t>LCD Splicing Display Unit
Diagonal Size (inch) 49″
Backlight LED (Direct type)
Physical Seam 3.5 mm
Resolution 1920×1080
Color 16.7M
Brightness 500 cd/m2
Contrast 4000:1
Response Time 8 ms
Viewing Angle Horizontal 178°, Vertical 178°
Interface
Input Interface 1×VGA, 1×DVI, 1×HDMI
USB 1×USB
Control Interface 1×RS-232 IN, 1×RS-232 OUT, 1×IR
General
Dimensions (W×H×D) 1078.44mm×608.46mm×124.05mm
Power Supply 100 to 240 VAC
Consumption 136 W
Weight 23.5 Kg
Operation Temperature 0°C ~ 40 °C
Operating Humidity 20%~90% (No Condensation)</t>
  </si>
  <si>
    <t>MW-A55-B1</t>
  </si>
  <si>
    <t>LCD Splicing Display Unit
Diagonal Size (inch) 55″
Backlight LED (Direct type)
Physical Seam 3.5 mm
Resolution 1920×1080
Color 16.7M
Brightness 500 cd/m2
Contrast 4000:1
Response Time 8 ms
Viewing Angle Horizontal 178°, Vertical 178°
Interface
Input Interface 1×VGA, 1×DVI, 1×HDMI
USB 1×USB
Control Interface 1×RS-232 IN, 1×RS-232 OUT, 1×IR
General
Dimensions (W×H×D) 1213.70mm×684.50mm×125.59mm
Power Supply 100 to 240 VAC
Consumption 220 W
Weight 24.5 Kg
Operation Temperature 0°C ~ 40 °C
Operating Humidity 20%~90% (No Condensation)</t>
  </si>
  <si>
    <t>HB-2346-P3-C</t>
  </si>
  <si>
    <t>46" LCD Video Wall Structure Unit</t>
  </si>
  <si>
    <t>HB-2546-P3H06-C</t>
  </si>
  <si>
    <t>46" LCD Video Wall Pedestal(Height 0.6m)</t>
  </si>
  <si>
    <t>HB-2546-P3H08-C</t>
  </si>
  <si>
    <t>46" LCD Video Wall Pedestal(Height 0.8m)</t>
  </si>
  <si>
    <t>HB-2546-P3H09-C</t>
  </si>
  <si>
    <t>46" LCD Video Wall Pedestal(Height 0.9m)</t>
  </si>
  <si>
    <t>HB-2546-P3H10-C</t>
  </si>
  <si>
    <t>46" LCD Video Wall Pedestal(Height 1.0m)</t>
  </si>
  <si>
    <t>HB-2546-P3H11-C</t>
  </si>
  <si>
    <t>46" LCD Video Wall Pedestal(Height 1.1m)</t>
  </si>
  <si>
    <t>HB-2349-P3-C</t>
  </si>
  <si>
    <t>49" LCD Video Wall Structure Unit</t>
  </si>
  <si>
    <t>HB-2549-P3H06-C</t>
  </si>
  <si>
    <t>49" LCD Video Wall Pedestal(Height 0.6m)</t>
  </si>
  <si>
    <t>HB-2549-P3H09-C</t>
  </si>
  <si>
    <t>49" LCD Video Wall Pedestal(Height 0.9m)</t>
  </si>
  <si>
    <t>HB-2549-P3H10-C</t>
  </si>
  <si>
    <t>49" LCD Video Wall Pedestal(Height 1.0m)</t>
  </si>
  <si>
    <t>HB-2549-P3H11-C</t>
  </si>
  <si>
    <t>49" LCD Video Wall Pedestal(Height 1.1m)</t>
  </si>
  <si>
    <t>HB-2355-P3-C</t>
  </si>
  <si>
    <t>55" LCD Video Wall Structure Unit</t>
  </si>
  <si>
    <t>HB-2555-P3H06-C</t>
  </si>
  <si>
    <t>55" LCD Video Wall Pedestal(Height 0.6m)</t>
  </si>
  <si>
    <t>HB-2555-P3H08-C</t>
  </si>
  <si>
    <t>55" LCD Video Wall Pedestal(Height 0.8m)</t>
  </si>
  <si>
    <t>HB-2555-P3H09-C</t>
  </si>
  <si>
    <t>55" LCD Video Wall Pedestal(Height 0.9m)</t>
  </si>
  <si>
    <t>HB-2555-P3H10-C</t>
  </si>
  <si>
    <t>55" LCD Video Wall Pedestal(Height 1.0m)</t>
  </si>
  <si>
    <t>HB-2555-P3H11-C</t>
  </si>
  <si>
    <t>55" LCD Video Wall Pedestal(Height 1.1m)</t>
  </si>
  <si>
    <t>DMC8000-3U</t>
  </si>
  <si>
    <t>Video Wall Controller
Adopts embedded Linux operating system, support stable operation for 7/24 hours.
Plug-in card design, select the input and output cards as you need.
Support window opening, screen splitting, roaming and zooming operations.
Support to save the video wall business layout as scenes, max up to 64 scenes.
Hot-swap fan frame design, intelligent temperature control.
Intelligent monitoring of power supply and temperature. 
Abundant video signal input interfaces: HDMI, DVI, VGA</t>
  </si>
  <si>
    <t>DMC8000-5U</t>
  </si>
  <si>
    <t>FB-SC80-M</t>
  </si>
  <si>
    <t>FB-SC80-08HI-E</t>
  </si>
  <si>
    <t>FB-SC80-08VA-E</t>
  </si>
  <si>
    <t>FB-SC80-08DI-E</t>
  </si>
  <si>
    <t>FB-SC80-08DI-X</t>
  </si>
  <si>
    <t>ADU8612-E</t>
  </si>
  <si>
    <t>Decoder &amp; controller all-in-one device
Provide 12ch DVI-D output interfaces
Provide 2ch DVI-D and 2ch VGA input interfaces
Single port decoding capability up to 16ch@1080P(30fps)
Decoding up to 12MP resolution
Support window opening, roaming and picture in picture
Support for virtual LED
Decode video stream in H.265/ H.264
Display split 1/2/3/4/5/6/7/8/9/10/13/16
Support local/remote upgrade
Support fine pixel LED display</t>
  </si>
  <si>
    <t>Non-Brand EC/DC1000 Series AC-DC Adapter</t>
  </si>
  <si>
    <t xml:space="preserve">UNV ECDC-9-VS0M9ECDC- ECDC-9-VS0M9150A-150W </t>
  </si>
  <si>
    <t>10/100Mbps 
 Network Port</t>
    <phoneticPr fontId="34" type="noConversion"/>
  </si>
  <si>
    <t>Gigabit Combo Port(RJ45 and SFP)</t>
    <phoneticPr fontId="34" type="noConversion"/>
  </si>
  <si>
    <t>PoE Standard</t>
    <phoneticPr fontId="34" type="noConversion"/>
  </si>
  <si>
    <t>PoE Power</t>
    <phoneticPr fontId="34" type="noConversion"/>
  </si>
  <si>
    <t>LED Мониторы и аксессуары</t>
  </si>
  <si>
    <t>22-дюймовый монитор, Full HD 1920×1080
Display Type: LED Backlight
Screen Size 21.5”
Pixel Pitch(mm) 0.2482× 0.2482
Max Resolution 1920×1080
Brightness 250 cd/m2
Contrast 1000:1
Response Time 5ms
color 16.7M
Viewing Angle Horizontal 170°, Vertical 160°
Interface
VGA 1
HDMI 1
Audio In 1
Audio
Audio Input 1, 3.5 mm mini-jack
Speaker 2x2W
OSD
Multi- Language 11 (English, French, German, Italian, Simplified Chinese, Traditional Chinese, Korean, Japanese, Espanola, Portuguese, Russian )
Mounting
VESA 100mm x 100mm
General
Power supply DC 12V, 2A
Consumption &lt;20 W(on)
&lt;0.5 W(Standby)
Operation Temperature 0°C ~ 40 °C
Operating Humidity 20%~85% (No Condensation)
Storage Temperature -20°C ~ 60°C
Storage Humidity 0%~90% (No Condensation)
Dimension (W×H×D) 509.5mm × 304.5 mm × 35.1mm(No Pedestal)
Weight: Net Weight:2.51Kg  Gross Weight:3.8Kg
Accessory
Standard HDMI cable, Adapter&amp; power cable, Pedestal,Quick Guide
Optional Hanging bracket</t>
  </si>
  <si>
    <t>32-дюймовый монитор, Full HD 1920×1080
Display Type: LED Backlight
Screen Size 32”
Pixel Pitch(mm) 0.364× 0.364
Max Resolution 1920×1080
Brightness 300 cd/m2
Contrast 1400:1
Response Time 8ms
color 16.7M
Viewing Angle Horizontal 178°, Vertical 178°
Interface
VGA 1
HDMI 1
DVI 1
Audio 1
Audio
Audio Input 1, 3.5 mm mini-jack
Speaker 2×3W
OSD
Multi- Language 12 (English, French, German, Italian, Simplified Chinese, Espanol, Portuguese, Russian,Korean,Nederlands,Turkic,Polskl)
Mounting
VESA 200×240 ,  200×300
General
Power supply AC 100~240V, 50~60Hz
Consumption &lt;70 W(on)
&lt;1W(Standby)
Operation Temperature 0°C ~ 50 °C
Operating Humidity 10%~90% (No Condensation)
Storage Temperature -10°C ~ 60°C
Storage Humidity 10%~90% (No Condensation)
Dimension (W×H×D) 750mm × 453 mm × 48 mm
Weight: Net Weight:12 Kg  Cross Weight: 13.5Kg
Accessory
Standard HDMI cable, Power cable ,Remote control, Quick Guide
Optional Hanging bracket, Pedestal</t>
  </si>
  <si>
    <t>43-дюймовый монитор, Full HD 1920×1080
Display Type: LED Backlight
Screen Size 43”
Pixel Pitch(mm) 0.490 x 0.490
Max Resolution 1920×1080
Brightness 300 cd/m2
Contrast 1200:1
Response Time 8ms
color 16.7M
Viewing Angle Horizontal 178°, Vertical 178°
Interface
VGA 1
HDMI 1
DVI 1
Audio 1
Audio
Audio Input 1, 3.5 mm mini-jack
Speaker 2×3W
OSD
Multi- Language 12 (English, French, German, Italian, Simplified Chinese, Espanol, Portuguese, Russian,Korean,Nederlands,Turkic,Polskl)
Mounting
VESA 400×300 ,  400×400
General
Power supply AC 100~240V, 50~60Hz
Consumption &lt;80 W(on)
&lt;1W(Standby)
Operation Temperature 0°C ~ 50 °C
Operating Humidity 10%~90% (No Condensation)
Storage Temperature -10°C ~ 60°C
Storage Humidity 10%~90% (No Condensation)
Dimension (W×H×D) 994mm × 586 mm × 50 mm
Weight: Net Weight: 18.2 Kg  Cross Weight: 22.1Kg
Accessory
Standard HDMI cable, Power cable ,Remote control, Quick Guide
Optional Hanging bracket, Pedestal</t>
  </si>
  <si>
    <t>LED Интерактивные экраны для бизнеса (Interactive Whiteboard)</t>
  </si>
  <si>
    <t>MW3565-T</t>
  </si>
  <si>
    <t>65 inch interactive whiteboard is an interactive whiteboard for industry and business users. The product is all metal
body, adopts professional panel, and has rich input and output interface. It is suitable for multimedia industry, conference office,
commercial display and other industrial fields.
Display Type: LED Backlight
Screen Size 65 inches
Pixel Pitch(mm) 0.124×0.372
Max Resolution 3840×2160
Brightness 350
Contrast 1100:1
Response Time 8 ms
color 1.07B
Viewing Angle(V/H) 178°/178°
Display size(mm) 1428.48 (W) x 803.52(H)
Android System
CPU structure Quad-core cortex-A53
CPU working frequency 1.2GHz
CPU cores 4 cores
RAM DDR3: 2GB eMMC:8GB
System version Android 5.1.1
Touch performance
Touch point Infrared recognition, support 10 points
Positioning accuracy ≤2mm
Surface hardness 4MM，Toughened Glass with Level 7 of Mohs Standard
Response Time
Single touch：click 13ms/ drag3ms
Multi touch: click 13ms/ Drag 5-10ms
Two points touch：click 10ms
Min size touchable ≥5MM
interface
input
HDMI ×3、DP ×1、VGA ×1、LAN ×1、PC-AUDIO ×1、YPBPR ×1、AV ×1、USB2.0
×1、USB3.0 ×1、TV ×1、 TOUCH-USB ×1
output LAN ×1、EARPHONE ×1、OPTICAL ×1、RS232 ×1、SPEAK_L ×1、SPEAK_R ×1
Speaker
Speaker 2×10W
OSD
language English, Chinese
VESA
Mounting position（mm） 400×200
3
Datasheet
Mounting size 4-M6
General
Input voltage AC 100~240V, 50/60Hz
Consumption（W）
≤150 (On)
＜0.5 (standby)
Operation Temperature 0～40℃
Operating Humidity 10%～90% (No Condensation)
Storage Temperature ﹣20～60℃
Storage Humidity 10%～90%
Dimension (mm) 1522.3（W）x931.3（H）x102（D）
Package(mm) 1660（H） x 1090（V）×280（D）
Weight (Kg) net：54.5 ± 1 gross：63 ± 1
Accessory (standard)
Remote controller ×1,power cable ×1,touch pen ×1,user manual ×1, Warranty Card ×1、
certificate ×1、bluetooth ×1、WIFI antenna ×4
optional
Floor standing movable bracket
I3 OPS PC
I5 OPS PC
*Notice
* The above parameters may differ from the specific products, please refer to the actual
product or consult the local sales staff.</t>
  </si>
  <si>
    <t>MW3586-T</t>
  </si>
  <si>
    <t>86 inch interactive whiteboard is an interactive whiteboard for industry and business users. The product is all metal
body, adopts professional panel, and has rich input and output interface. It is suitable for multimedia industry, conference office,
commercial display and other industrial fields.
Display Type:
LED Backlight
Screen Size
85.6 inches
Pixel Pitch(mm)
0.4935×0.4935
Max Resolution
3840×2160
Brightness
400
Contrast
1200:1
Response Time
8 ms
color
1.07B
Viewing Angle(V/H)
178°/178°
Display size
( 1895.04 (W) x 1065.96(H)
Android System
CPU
structure Quad
core cortex A53
CPU
working frequency 1.
2 GHz
CPU
cores 4 cores
RAM
DDR3: 2GB eMMC:8GB
System version
Android 5.
1.1
Touch performance
Touch
point Infrared recognition, support 10 points
Positioning accuracy
≤2mm
Surface hardness
4MM
Toughened Glass with Level 7 of Mohs Standard
Response Time
Single touch
click 13ms / drag 3ms
Multi touch: click
13ms / Drag 5 10ms
Two points touch
click 10ms
Min size touchable
≥5MM
interface
input
HDMI ×3
、 DP ×1 、 VGA ×1 、 LAN ×1 、 PC AUDIO ×1 、 YPBPR ×1 、 AV ×1 、 USB2.0
×1 、 USB3.0 ×1 、 TV ×1 、 TOUCH USB ×1
output
LAN ×1
、 EARPHONE ×1 、 OPTICAL ×1 、 RS232 ×1 、 SPEAK_L ×1 、 SPEAK_R ×1
Speaker
Speaker
2×
10 W
OSD
language
English,
Chinese
VESA
Mounting position
mm 700×400
3
Datasheet
Mounting size
Mounting size
4
4--MM88 General
Input voltage
AC 100~240V, 50/60Hz
Consumption
Consumption（（WW））
≤320 (On)
＜0.5 (stanby)
Operation Temperature
Operation Temperature
0～40℃
Operating Humidity
Operating Humidity
10%～90% (No Condensation)(No Condensation)
Storage Temperature
Storage Temperature
﹣20～60℃
Storage Humidity
Storage Humidity
10%～90%
Dimension (mm)
Dimension (mm)
1989（W）x1194.6（H）x116.6（D）
Package(mm)
Package(mm)
2190（H） x 1400（V）×330（D）
Weight (
Weight (KgKg))
net：84 ± 1 gross：102.5 ± 1
Accessory (standard)
Accessory (standard)
Remote controller ×1,power cable ×1,touch pen ×1,user manual ×1, Warranty Card ×1、certificate ×1、bluetooth ×1、WIFI antenna ×4
optional
optional
Floor standing movable bracket
I3 OPS PC
I5 OPS PC
*
*NoticeNotice
* The above parameters may differ from the specific products, please refer to the actual product or consult the local sales staff.</t>
  </si>
  <si>
    <t>MW7212-E-U</t>
  </si>
  <si>
    <t>MW7212-E-BL-U</t>
  </si>
  <si>
    <t>MW7214-E-U</t>
  </si>
  <si>
    <t>MW7214-E-BL-U</t>
  </si>
  <si>
    <t>MW7215-E-BL-U</t>
  </si>
  <si>
    <t>MW7216-E-U</t>
  </si>
  <si>
    <t>MW7216-E-BL-U</t>
  </si>
  <si>
    <t>MW7218-E-DL-U</t>
  </si>
  <si>
    <t>MW7225</t>
  </si>
  <si>
    <t>MW7303-S</t>
  </si>
  <si>
    <t>MW7304-S</t>
  </si>
  <si>
    <t>UNV-S4</t>
  </si>
  <si>
    <t>MW7504</t>
  </si>
  <si>
    <t>MW7505</t>
  </si>
  <si>
    <t>MW7506</t>
  </si>
  <si>
    <t>MW7508</t>
  </si>
  <si>
    <t>UNV-C6</t>
  </si>
  <si>
    <t>LED Видеостены</t>
  </si>
  <si>
    <t>Sender
Key Features
 HDMI and DVI signal input Interface with HDMI signal loop output Interface
 Maximum input resolution: 1920*1200 pixels
 Maximum loading capacity: 2.30 million pixels, maximum width: 4096pixels, maximum height: 2560 pixels
 4 gigabit Ethernet outputs support screen arbitrary splicing
 Dual USB2.0 for high speed configuration and easy cascading
 Improved grayscale performance at low brightness
 Supporting AC 100-240V working voltage
 Support brightness and chromaticity adjustment 
 Support HDCP
Video source interface
Interface Type 1*DVI+1*HDMI+1*HDMI_LOOP
Input Resolution 1920*1200 pixels maximum
Video Source Frame Rate 60Hz, support auto-adjustment
Receive Area Can be set freely
Output
Net Interface Number 4 gigabit Ethernet Interface
Control Area 2.3million pixels maximum, maximum width: 4096pixels, maximum height: 2560 pixels
Transmission Distance CAT5≤140M；CAT6≤170M；Optical fiber: No limitation
Cascading Up-down or left-right cascading defined by user
Transmission Mode Frame mode (Gigabit Ethernet) with CRC
Connection equipment
Peripherals Multifunction card, optical fiber transceivers, gigabit switcher
Specification parameter
Dimensions（mm） 440(W)×240(D)×44(H)
Weight 2.0kg
Electrical
Power Supply AC 100~240V
Rated Power Consumption 20W
External interfaces
Configuration Interface USB 2.0*1
DVI Information Present info about frame rate, blanking value, clock, display status of video card and video processor
Brightness Adjustment Adjustment by knob, auto saved in sending card, what you see is what you get
Real Time Configuration Support
Brightness and Chromaticity
Adjustment Support
Smart Detection System DVI interface detection, temperature detection
More functions
Cascading Via USB interface Support synchronous parameter setting and read back
Multiple Screen Control Multiple screens with different sizes can be controlled simultaneously
Background Playing Support (Extended mode)
BER Detection Ethernet cable quality and malfunction detection</t>
  </si>
  <si>
    <t>MW7215-A-FL-U</t>
  </si>
  <si>
    <t>MW7216-A-FL-U</t>
  </si>
  <si>
    <t>MW7218-A-FL-U</t>
  </si>
  <si>
    <t>MW7225-A-FL-U</t>
  </si>
  <si>
    <t>UNV-MCTRL600</t>
  </si>
  <si>
    <t>Indoor Fine Pixel LED. Pixel pitch 2.5</t>
  </si>
  <si>
    <t>Indoor Fixed LED. Pixel pitch: 3
Key Features
 Broadcast grey processing gives more image details
 Superior brightness and color uniformity maintains smooth and complete image quality
 Bezel free native 1080P, 4K and customized resolution LED video wall system
 High brightness provides vivid images in a range of lighting conditions
 Superior contrast ratio
 Ultra high refresh rate up to 3840HZ
 Super Wide voltage power supply(90~264V)
 Low heating and natural heat dissipation mechanism enables fan-less design, no noise
 Support 7*24 working and lower power consumption
 Long service life
 Maintain from the front of the LED making it ideal for space-constrained installations and eliminating the need for rear access space.
LED Module
Module type
Surface mounted trinity LED
Pixel pitch
3
Resolution (W×H)
64×64
Dimensions (W×H)
192 mm×192 mm LED Unit
Dimensions (W×H×D)
576mm×576mm×95mm
Modules Component(W×H)
3×3
Resolution(W×H)
192×192
Weight(Kg)
8.00
Screen Area
0.3318 m2
Pixel Density
111111 pitch/ m2
Surface evenness
≤0.5
Cabinet Material
Iron Optical
Single Pixel Brightness Correction
Support
Single Pixel Color Correction
Support
Brightness(nits)
700 adjustable
Color Temperature(K)
3000 to 9000 adjustable
Viewing Angle
Horizontal 120°, Vertical 120°
Center distance deviation of LED
≤3%
Brightness uniformity
≥97%
Color uniformity
≤ ± 0.003 Cx, Cy
Contrast
≥3000:1 Processing Performance
Grey Level
14 bit
Driving Mode
Constant current driving, 1/32 scan
Frame Frequency
50/60 Hz
Refresh Rate
3840 Hz Electrical
Power Supply
90 to 264 VAC
Average Consumption
220 W/ m2
Max consumption
600 W/ m2 General
Maintenance Mode
Rear / Front Maintenance optional
Ingress protection
IP54
3
DATASHEET
Operation Temperature
Operation Temperature
-10°C ~ 40 °C
Operating Humidity
Operating Humidity
10%~85% (No Condensation)
Storage Temperature
Storage Temperature
-10°C ~ 55°C
Storage Humidity
Storage Humidity
10%~90% (No Condensation)
Working Hours
Working Hours
≥100,000</t>
  </si>
  <si>
    <t>Indoor Fixed LED. Pixel pitch 3.95mm
Key Features
 Broadcast grey processing gives more image details
 Superior brightness and color uniformity maintains smooth and complete image quality
 Bezel-free native 1080P, 4K and customized resolution LED video wall system
 High brightness provides vivid images in a range of lighting conditions
 Superior contrast ratio
 Ultra high refresh rate up to 3840HZ
 Super Wide voltage power supply(90~264V)
 Low heating and natural heat dissipation mechanism enables fan-less design, no noise
 Support 7*24 working and lower power consumption
 Long service life
LED Module
Module type Surface mounted trinity LED
Pixel pitch 3.95mm
Resolution (W×H) 64×64
Dimensions (W×H) 256 mm×128 mm
LED Unit
Dimensions (W×H×D) 768mm×768mm×95mm
Modules Component(W×H) 3×6
Resolution(W×H) 194×194
Weight(Kg) 14.00
Screen Area 0.5898 m2
Pixel Density 62500 pitch/ m2
Surface evenness ≤0.5
Cabinet Material Iron
Optical
Single Pixel Brightness Correction Support
Single Pixel Color Correction Support
Brightness(nits) 800 adjustable 
Color Temperature(K) 3000 to 9000 adjustable
Viewing Angle Horizontal 120°, Vertical 120°
Center distance deviation of LED ≤3%
Brightness uniformity ≥97%
Color uniformity ≤ ± 0.003 Cx, Cy
Contrast ≥3000:1
Processing Performance
Grey Level 14 bit
Scan Mode 16s
Frame Frequency 50/60 Hz
Refresh Rate 3840 Hz
Electrical
Power Supply 90 to 264 VAC
Average Consumption 240 W/ m2
Max consumption 720 W/ m2
General
Maintenance Mode Rear / Front Maintenance optional
Ingress protection IP5x
Operation Temperature -10°C ~ 40 °C
Operating Humidity 8%~85% (No Condensation)
Storage Temperature -10°C ~ 55°C
Storage Humidity 10%~90% (No Condensation)
Working Hours ≥100,000H</t>
  </si>
  <si>
    <t>Outdoor(уличная) Fixed LED. Pixel pitch: 4
Key Features
 Broadcast grey processing gives more image details
 Superior brightness and color uniformity maintains smooth and complete image quality
 Bezel free native 1080P, 4K and customized resolution LED video wall system
 High brightness up to 5500nits
 High refresh rate up
 Super Wide voltage power supply(90~264V)
 Low heating and natural heat dissipation mechanism enables fan-less design, no noise
 Support 7*24 working and lower power consumption
 Fully sealed construction with IP65 protection
 Long service life
 Maintain from the front of the LED making it ideal for space-constrained installations and eliminating the need for rear access space.
LED Module
Module type
Surface mounted trinity LED
Pixel pitch
4
Resolution (W×H)
80×40
Dimensions (W×H)
320 mm×160 mm LED Unit
Dimensions (W×H×D)
960mm×960mm×132mm
Modules Component(W×H)
3×6
Resolution(W×H)
240×240
Weight(Kg)
31.5
Screen Area
0.9216 m2
Pixel Density
62500 pitch/ m2
Surface evenness
≤0.15
Cabinet Material
Die-cast aluminum Optical
Single Pixel Brightness Correction
Support
Single Pixel Color Correction
Support
Brightness(nits)
5500 adjustable
Color Temperature(K)
2000K to 9300K adjustable
Viewing Angle
Horizontal 140°, Vertical 140°
Center distance deviation of LED
≤2.5%
Brightness uniformity
≥98%
Color uniformity
≤ ± 0.003 Cx, Cy
Contrast
≥3000:1 Processing Performance
Grey Level
14 bit
Driving Mode
Constant current driving
Frame Frequency
50/60 Hz
Refresh Rate
≥2000 Hz Electrical
Power Supply
90 to 264 VAC
Average Consumption
380 W/ m2
Max consumption
1100 W/ m2 General
Maintenance Mode
Rear / Front Maintenance optional
Ingress protection
IP65
3
DATASHEET
Operation Temperature
Operation Temperature
-40°C ~ 65 °C
Operating Humidity
Operating Humidity
10%~90% (No Condensation)
Storage Temperature
Storage Temperature
-40°C ~85°C
Storage Humidity
Storage Humidity
10%~95% (No Condensation)
Working Hours
Working Hours
≥100,000</t>
  </si>
  <si>
    <t>Outdoor(уличная) Fixed LED. Pixel pitch: 5</t>
  </si>
  <si>
    <t>Outdoor(уличная) Fixed LED. Pixel pitch: 6</t>
  </si>
  <si>
    <t>Outdoor(уличная) Fixed LED. Pixel pitch: 8
Key Features
 Broadcast grey processing gives more image details
 Superior brightness and color uniformity maintains smooth and complete image quality
 Bezel free native 1080P, 4K and customized resolution LED video wall system
 High brightness up to 5500nits
 High refresh rate up
 Super Wide voltage power supply(90~264V)
 Low heating and natural heat dissipation mechanism enables fan-less design, no noise
 Support 7*24 working and lower power consumption
 Fully sealed construction with IP65 protection
 Long service life
LED Module
Module type
Surface mounted trinity LED
Pixel pitch
8
Resolution (W×H)
40×20
Dimensions (W×H)
320 mm×160 mm LED Unit
Dimensions (W×H×D)
960mm×960mm×132mm
Modules Component(W×H)
3×6
Resolution(W×H)
120×120
Weight(Kg)
31.5
Screen Area
0.9216 m2
Pixel Density
15625 pitch/ m2
Surface evenness
≤0.15
Cabinet Material
Die-cast aluminum Optical
Single Pixel Brightness Correction
Support
Single Pixel Color Correction
Support
Brightness(nits)
5500 adjustable
Color Temperature(K)
2000K to 9300K adjustable
Viewing Angle
Horizontal 140°, Vertical 140°
Center distance deviation of LED
≤2.5%
Brightness uniformity
≥98%
Color uniformity
≤ ± 0.003 Cx, Cy
Contrast
≥3000:1 Processing Performance
Grey Level
14 bit
Scan mode
5s
Driving Mode
Constant current driving
Frame Frequency
50/60 Hz
Refresh Rate
≥2000 Hz Electrical
Power Supply
90 to 264 VAC
Average Consumption
290 W/ m2
Max consumption
850 W/ m2 General
Maintenance Mode
Rear / Front Maintenance optional
3
DATASHEET
Ingress protection
IP65
Operation Temperature
Operation Temperature
-40°C ~ 65 °C
Operating Humidity
Operating Humidity
10%~90% (No Condensation)
Storage
Storage TemperatureTemperature
-40°C ~85°C
Storage Humidity
Storage Humidity
10%~95% (No Condensation)
Working Hours
Working Hours
≥100,000</t>
  </si>
  <si>
    <t>Indoor Fine Pixel LED. Pixel pitch 1.24</t>
  </si>
  <si>
    <t>Indoor Fine Pixel LED. Pixel pitch 1.45</t>
  </si>
  <si>
    <t>Indoor Fine Pixel LED. Pixel pitch 1.55</t>
  </si>
  <si>
    <t>Indoor Fine Pixel LED. Pixel Pitch 1.8mm
 Broadcast grey processing gives more image details.
 Superior brightness and color uniformity maintains smooth and complete image quality.
 Bezel-free native 1080P, 4K and customized resolution LED video wall system.
 High brightness provides vivid images in a range of lighting conditions.
 Superior contrast ratio.
 Ultra high refresh rate.
 Wide view of field:160°(H)/ 140°(V).
 Low heating and natural heat dissipation mechanism enables fan-less design, no noise.
 Support 7*24 working and lower power consumption.
 Long service life.
 Maintain from the front of the LED making it ideal for space-constrained installations and eliminating the need for rear access space.
LED Module
Pixel Pitch 1.8mm
Resolution (W×H) 128×128
Dimensions (W×H) 240 mm×240mm
LED Unit
Dimensions (W×H×D) 480mm×480mm×59.6mm
Modules Component(W×H) 2×2
Resolution(W×H) 256×256
Weight(Kg) 5.18
Screen Area 0.2304 m2
Pixel Density 284444 pitch/ m2
Surface Evenness ≤0.15
Material Die-casting Aluminum
Optical
Single Pixel Brightness Correction Support
Single Pixel Color Correction Support
Brightness(nits) 50 to 700 adjustable
Color Temperature(K) 3000 to 10000 adjustable
Viewing Angle Horizontal 160°, Vertical 140°
Center distance deviation of LED ≤2.5%
Brightness Uniformity ≥97%
Color Uniformity ≤ ± 0.003 Cx, Cy
Contrast ≥4000:1
Processing Performance
Grey Level 14 bit
Driving Mode Constant current driving, 1/64 scan
Frame Frequency 50/60 Hz
Refresh Rate 3840 Hz
Electrical
Power Supply 100 to 240 V AC
Max Consumption 386 W/ m2
Average Consumption 192 W/ m2
General
Maintenance Mode Front/Back Maintenance
Ingress Protection IP5X
Operation Temperature -10°C ~ 40 °C
Operating Humidity 8%~85% (No Condensation)
Storage Temperature -10°C ~ 55°C
Storage Humidity 10%~90% (No Condensation)
Working Hours ≥100,000</t>
  </si>
  <si>
    <t>Indoor Fine Pixel LED. Pixel Pitch 2.5mm
 Broadcast grey processing gives more image details.
 Superior brightness and color uniformity maintains smooth and complete image quality.
 Bezel-free native 1080P, 4K and customized resolution LED video wall system.
 High brightness provides vivid images in a range of lighting conditions.
 Superior contrast ratio.
 Ultra high refresh rate.
 Wide view of field:160°(H)/ 140°(V).
 Low heating and natural heat dissipation mechanism enables fan-less design, no noise.
 Support 7*24 working and lower power consumption.
 Long service life.
 Maintain from the front of the LED making it ideal for space-constrained installations and eliminating the need for rear access space.
LED Module
Pixel Pitch 2.5mm
Resolution (W×H) 96×96
Dimensions (W×H) 240 mm×240mm
LED Unit
Dimensions (W×H×D) 480mm×480mm×59.6mm
Modules Component(W×H) 2×2
Resolution(W×H) 192×192
Weight(Kg) 5.18
Screen Area 0.2304 m2
Pixel Density 160000 pitch/ m2
Surface Evenness ≤0.15
Material Die-casting Aluminum
Optical
Single Pixel Brightness Correction Support
Single Pixel Color Correction Support
Brightness(nits) 50 to 700 adjustable
Color Temperature(K) 3000 to 10000 adjustable
Viewing Angle Horizontal 160°, Vertical 140°
Center distance deviation of LED ≤2.5%
Brightness Uniformity ≥97%
Color Uniformity ≤ ± 0.003 Cx, Cy
Contrast ≥4000:1
Processing Performance
Grey Level 14 bit
Driving Mode Constant current driving, 1/48 scan
Frame Frequency 50/60 Hz
Refresh Rate 3840 Hz
Electrical
Power Supply 100 to 240 V AC
Max Consumption 309 W/ m2
Average Consumption 130 W/ m2
General
Maintenance Mode Front/Back Maintenance
Ingress Protection IP5X
Operation Temperature -10°C ~ 40 °C
Operating Humidity 8%~85% (No Condensation)
Storage Temperature -10°C ~ 55°C
Storage Humidity 10%~90% (No Condensation)
Working Hours ≥100,000</t>
  </si>
  <si>
    <t>Indoor Fine Pixel LED. Pixel Pitch 1.6mm
 Broadcast grey processing gives more image details.
 Superior brightness and color uniformity maintains smooth and complete image quality.
 Bezel-free native 1080P, 4K and customized resolution LED video wall system.
 High brightness provides vivid images in a range of lighting conditions.
 Superior contrast ratio.
 Ultra high refresh rate.
 Wide view of field:160°(H)/ 140°(V).
 Low heating and natural heat dissipation mechanism enables fan-less design, no noise.
 Support 7*24 working and lower power consumption.
 Long service life.
 Maintain from the front of the LED making it ideal for space-constrained installations and eliminating the need for rear access space.
LED Module
Pixel Pitch 1.6mm
Resolution (W×H) 144×144
Dimensions (W×H) 240 mm×240mm
LED Unit
Dimensions (W×H×D) 480mm×480mm×59.6mm
Modules Component(W×H) 2×2
Resolution(W×H) 288×288
Weight(Kg) 5.18
Screen Area 0.2304 m2
Pixel Density 360000 pitch/ m2
Surface Evenness ≤0.15
Material Die-casting Aluminum
Optical
Single Pixel Brightness Correction Support
Single Pixel Color Correction Support
Brightness(nits) 50 to 700 adjustable
Color Temperature(K) 3000 to 10000 adjustable
Viewing Angle Horizontal 160°, Vertical 140°
Center distance deviation of LED ≤2.5%
Brightness Uniformity ≥97%
Color Uniformity ≤ ± 0.003 Cx, Cy
Contrast ≥4000:1
Processing Performance
Grey Level 14 bit
Driving Mode Constant current driving, 1/48 scan
Frame Frequency 50/60 Hz
Refresh Rate 3840 Hz
Electrical
Power Supply 100 to 240 V AC
Max Consumption 634 W/ m2
Average Consumption 352 W/ m2
General
Maintenance Mode Front/Back Maintenance
Ingress Protection IP5X
Operation Temperature -10°C ~ 40 °C
Operating Humidity 8%~85% (No Condensation)
Storage Temperature -10°C ~ 55°C
Storage Humidity 10%~90% (No Condensation)
Working Hours ≥100,000</t>
  </si>
  <si>
    <t>Indoor Fine Pixel LED. Pixel Pitch 1.5mm
 Broadcast grey processing gives more image details.
 Superior brightness and color uniformity maintains smooth and complete image quality.
 Bezel-free native 1080P, 4K and customized resolution LED video wall system.
 High brightness provides vivid images in a range of lighting conditions.
 Superior contrast ratio.
 Ultra high refresh rate.
 Wide view of field:160°(H)/ 140°(V).
 Low heating and natural heat dissipation mechanism enables fan-less design, no noise.
 Support 7*24 working and lower power consumption.
 Long service life.
 Maintain from the front of the LED making it ideal for space-constrained installations and eliminating the need for rear access space.
LED Module
Pixel Pitch 1.5mm
Resolution (W×H) 152×152
Dimensions (W×H) 240 mm×240mm
LED Unit
Dimensions (W×H×D) 480mm×480mm×59.6mm
Modules Component(W×H) 2×2
Resolution(W×H) 304×304
Weight(Kg) 5.18
Screen Area 0.2304 m2
Pixel Density 401111 pitch/ m2
Surface Evenness ≤0.15
Material Die-casting Aluminum
Optical
Single Pixel Brightness Correction Support
Single Pixel Color Correction Support
Brightness(nits) 50 to 700 adjustable
Color Temperature(K) 3000 to 10000 adjustable
Viewing Angle Horizontal 160°, Vertical 140°
Center distance deviation of LED ≤2.5%
Brightness Uniformity ≥97%
Color Uniformity ≤ ± 0.003 Cx, Cy
Contrast ≥4000:1
Processing Performance
Grey Level 14 bit
Driving Mode Constant current driving, 1/38 scan
Frame Frequency 50/60 Hz
Refresh Rate 3840Hz
Electrical
Power Supply 100 to 240 V AC
Max Consumption 629 W/ m2
Average Consumption 395 W/ m2
General
Maintenance Mode Front/Back Maintenance
Ingress Protection IP5X
Operation Temperature -10°C ~ 40 °C
Operating Humidity 8%~85% (No Condensation)
Storage Temperature -10°C ~ 55°C
Storage Humidity 10%~90% (No Condensation)
Working Hours ≥100,000</t>
  </si>
  <si>
    <t>Indoor Fine Pixel LED. Pixel pitch 1.667</t>
  </si>
  <si>
    <t>Indoor Fine Pixel LED. Pixel pitch 1.875</t>
  </si>
  <si>
    <t xml:space="preserve">Видеокамера IP Скоростная поворотная уличная 2Мп с адаптивной ИК-подсветкой до 150м, с моторизованным вариофокальным объективом 5.2~ 114.4мм, 22Х optical zoom, CMOS 1/2.9", угол обзора 54.40° ~ 3.44°, ICR, 1920x1080:25fps, тройной видеопоток, Ultra 265/H.264/MJPEG, DWDR, 0.01 Lux минимальная освещенность, cлот micro SD (256Gb), тревожные ввод/вывод 1/1, Audio ввод/вывод 1/1.   Smart функции - детекция движения, вторжение в зону, пересечение линий, детекция лиц, подсчет посетителей и др. Диапазон панорамирования 360°; Скорость панорамирования  0,1 ° / с ~ 240 ° / с, Предустановленная скорость: 300 ° / с, Диапазон наклона  -15 ° ~ + 90 ° (автоматический реверс), Скорость наклона  0.1° ~ 80°/s, Предустановленная скорость: 80 ° / с, IP66, -40°C до +65°C; 12V DC, PoE (требуется PSE-отдельный PoE-инжектор). Потребляемая мощность: макс. 16~ 30 Вт,  Ø215мм×344мм, 3кг. </t>
  </si>
  <si>
    <t xml:space="preserve">Видеокамера IP Скоростная поворотная уличная 2Мп с адаптивной ИК-подсветкой до 150м, с моторизованным вариофокальным объективом 5.2-104мм, 20Х optical zoom, CMOS 1/2.8", угол обзора 60.2°~ 3.0°, ICR, 1920x1080:30fps, тройной видеопоток, Ultra 265/H.264/MJPEG, WDR 120, 0.001 Lux минимальная освещенность, cлот micro SD (256Gb), тревожные ввод/вывод 1/1, Audio ввод/вывод 1/1.   Smart функции - автоматическое отслеживание объекта,  вторжение в зону, пересечение линий, аудио детекция, детекция лиц, подсчет посетителей. Диапазон панорамирования 360°; Скорость панорамирования  0,1 ° / с ~ 240 ° / с, Предустановленная скорость: 300 ° / с, Диапазон наклона  -15 ° ~ + 90 ° (автоматический реверс), Скорость наклона  0.1° ~ 160°/s, Предустановленная скорость: 240 ° / с, IP66, -40°C до +65°C; 24V AC/ DC, PoE (требуется PSE-отдельный PoE-инжектор). Потребляемая мощность: макс. 9 ~ 42 Вт,  Ø227 x 359.4мм, 5,280 кг. </t>
  </si>
  <si>
    <t>Language</t>
    <phoneticPr fontId="5" type="noConversion"/>
  </si>
  <si>
    <t>Screen size</t>
    <phoneticPr fontId="4" type="noConversion"/>
  </si>
  <si>
    <t>Field of View</t>
    <phoneticPr fontId="4" type="noConversion"/>
  </si>
  <si>
    <t>Brightness</t>
    <phoneticPr fontId="4" type="noConversion"/>
  </si>
  <si>
    <t>Contrast</t>
    <phoneticPr fontId="4" type="noConversion"/>
  </si>
  <si>
    <t>Response Time</t>
    <phoneticPr fontId="4" type="noConversion"/>
  </si>
  <si>
    <t>Input signal</t>
    <phoneticPr fontId="4" type="noConversion"/>
  </si>
  <si>
    <t>Speaker</t>
    <phoneticPr fontId="4" type="noConversion"/>
  </si>
  <si>
    <t>Dimension(mm)</t>
  </si>
  <si>
    <t>Weight(Kg)</t>
    <phoneticPr fontId="4" type="noConversion"/>
  </si>
  <si>
    <t>5ms</t>
    <phoneticPr fontId="4" type="noConversion"/>
  </si>
  <si>
    <t>16 (English, France, Spanish, Portuguese, German, Italian, Dutch, Swedish, Finnish, Polish, Czech, Russia, Korea, Simplified Chinese, Traditional Chinese, Japanese )</t>
    <phoneticPr fontId="4" type="noConversion"/>
  </si>
  <si>
    <t>21.5 inches
VESA mount</t>
    <phoneticPr fontId="4" type="noConversion"/>
  </si>
  <si>
    <t>1920×1080</t>
    <phoneticPr fontId="4" type="noConversion"/>
  </si>
  <si>
    <t>170°(H)
160°(V)</t>
    <phoneticPr fontId="4" type="noConversion"/>
  </si>
  <si>
    <t>250cd/m²</t>
    <phoneticPr fontId="4" type="noConversion"/>
  </si>
  <si>
    <t>1000:1</t>
    <phoneticPr fontId="4" type="noConversion"/>
  </si>
  <si>
    <t>VGA/HDMI</t>
    <phoneticPr fontId="4" type="noConversion"/>
  </si>
  <si>
    <t>565(W) × 430(H) × 138(D)</t>
    <phoneticPr fontId="4" type="noConversion"/>
  </si>
  <si>
    <t>VGA/HDMI/Audio in</t>
    <phoneticPr fontId="4" type="noConversion"/>
  </si>
  <si>
    <t>2*2W</t>
    <phoneticPr fontId="4" type="noConversion"/>
  </si>
  <si>
    <t>514.4(W)×378.6(H)×190(D)</t>
    <phoneticPr fontId="4" type="noConversion"/>
  </si>
  <si>
    <t>8 (English, France, Spanish, German,Russia, Korea,Japanese,Simplified Chinese )</t>
    <phoneticPr fontId="4" type="noConversion"/>
  </si>
  <si>
    <t>178°(H)
178°(V)</t>
    <phoneticPr fontId="4" type="noConversion"/>
  </si>
  <si>
    <t>14ms</t>
    <phoneticPr fontId="4" type="noConversion"/>
  </si>
  <si>
    <t>541.43(W) × 407.27 (H) × 210(D)</t>
    <phoneticPr fontId="4" type="noConversion"/>
  </si>
  <si>
    <t>8 (English, French, German, Simplified Chinese, Korean, Japanese, Espanola, Russian )</t>
    <phoneticPr fontId="4" type="noConversion"/>
  </si>
  <si>
    <t>31.5 inches
VESA mount</t>
    <phoneticPr fontId="4" type="noConversion"/>
  </si>
  <si>
    <t>350cd/m²</t>
    <phoneticPr fontId="4" type="noConversion"/>
  </si>
  <si>
    <t>1400:1</t>
    <phoneticPr fontId="4" type="noConversion"/>
  </si>
  <si>
    <t>6ms</t>
    <phoneticPr fontId="4" type="noConversion"/>
  </si>
  <si>
    <t>VGA/HDMI/DVI/Audio in</t>
    <phoneticPr fontId="4" type="noConversion"/>
  </si>
  <si>
    <t>2*5W</t>
    <phoneticPr fontId="4" type="noConversion"/>
  </si>
  <si>
    <t>725.2(W) × 425.8 (H) × 49.5(D)</t>
    <phoneticPr fontId="4" type="noConversion"/>
  </si>
  <si>
    <t>300cd/m²</t>
    <phoneticPr fontId="4" type="noConversion"/>
  </si>
  <si>
    <t>2*3W</t>
    <phoneticPr fontId="4" type="noConversion"/>
  </si>
  <si>
    <t>12 (English, French, German, Italian, Simplified Chinese, Espanol, Portuguese, Russian,Korean,Nederlands,Turkic,Polskl)</t>
    <phoneticPr fontId="4" type="noConversion"/>
  </si>
  <si>
    <t>32 inches
VESA mount</t>
    <phoneticPr fontId="4" type="noConversion"/>
  </si>
  <si>
    <t>280cd/m²</t>
    <phoneticPr fontId="4" type="noConversion"/>
  </si>
  <si>
    <t>1200:1</t>
    <phoneticPr fontId="4" type="noConversion"/>
  </si>
  <si>
    <t>8ms</t>
    <phoneticPr fontId="4" type="noConversion"/>
  </si>
  <si>
    <t>DVI/VGA/HDMI/Audio in</t>
    <phoneticPr fontId="4" type="noConversion"/>
  </si>
  <si>
    <t>750(W)x453(H)x48(D)</t>
    <phoneticPr fontId="4" type="noConversion"/>
  </si>
  <si>
    <t>43 inches
VESA mount</t>
    <phoneticPr fontId="4" type="noConversion"/>
  </si>
  <si>
    <t>994(W)x586(H)x50(D)</t>
    <phoneticPr fontId="4" type="noConversion"/>
  </si>
  <si>
    <t>Desk mounting for MW3228-F</t>
    <phoneticPr fontId="4" type="noConversion"/>
  </si>
  <si>
    <t>VESA mount</t>
    <phoneticPr fontId="4" type="noConversion"/>
  </si>
  <si>
    <t>NA</t>
    <phoneticPr fontId="4" type="noConversion"/>
  </si>
  <si>
    <t>290.85(W)×330.65(H)×213.50(D)</t>
    <phoneticPr fontId="4" type="noConversion"/>
  </si>
  <si>
    <t>115(W)×115(H)×90(D)</t>
    <phoneticPr fontId="4" type="noConversion"/>
  </si>
  <si>
    <t>Desk mounting for MW3232-V</t>
    <phoneticPr fontId="4" type="noConversion"/>
  </si>
  <si>
    <t>419.1(W)×233.5(H)×190.8(D)</t>
    <phoneticPr fontId="4" type="noConversion"/>
  </si>
  <si>
    <t>0.64 Kg</t>
    <phoneticPr fontId="4" type="noConversion"/>
  </si>
  <si>
    <t>Wall mounting for MW3232-E, and MW3243-E</t>
    <phoneticPr fontId="4" type="noConversion"/>
  </si>
  <si>
    <t>500(W)×430(H)×46(D)</t>
    <phoneticPr fontId="4" type="noConversion"/>
  </si>
  <si>
    <t>Desk mounting for MW3232-E</t>
    <phoneticPr fontId="4" type="noConversion"/>
  </si>
  <si>
    <t>80(W)×428(H)×244(D)</t>
    <phoneticPr fontId="4" type="noConversion"/>
  </si>
  <si>
    <t>Desk mounting for MW3243-E</t>
    <phoneticPr fontId="4" type="noConversion"/>
  </si>
  <si>
    <t>80(W)×533(H)×244(D)</t>
    <phoneticPr fontId="4" type="noConversion"/>
  </si>
  <si>
    <t>24-дюймовый монитор, Full HD 1920×1080
Display Type: LED Backlight
Screen Size 21.5”
Pixel Pitch(mm) 0.2482× 0.2482
Max Resolution 1920×1080
Brightness 250 cd/m2
Contrast 1000:1
Response Time 5ms
color 16.7M
Viewing Angle Horizontal 170°, Vertical 160°
Interface
VGA 1
HDMI 1
Audio In 1
Audio
Audio Input 1, 3.5 mm mini-jack
Speaker 2x2W
OSD
Multi- Language 11 (English, French, German, Italian, Simplified Chinese, Traditional Chinese, Korean, Japanese, Espanola, Portuguese, Russian )
Mounting
VESA 100mm x 100mm
General
Power supply DC 12V, 2A
Consumption &lt;20 W(on)
&lt;0.5 W(Standby)
Operation Temperature 0°C ~ 40 °C
Operating Humidity 20%~85% (No Condensation)
Storage Temperature -20°C ~ 60°C
Storage Humidity 0%~90% (No Condensation)
Dimension (W×H×D) 509.5mm × 304.5 mm × 35.1mm(No Pedestal)
Weight: Net Weight:2.51Kg  Gross Weight:3.8Kg
Accessory
Standard HDMI cable, Adapter&amp; power cable, Pedestal,Quick Guide
Optional Hanging bracket</t>
  </si>
  <si>
    <t>MW3224-V</t>
  </si>
  <si>
    <t>MW3232-V</t>
  </si>
  <si>
    <t>31,5-дюймовый монитор, Full HD 1920×1080
Display Type: LED Backlight
Screen Size 21.5”
Pixel Pitch(mm) 0.2482× 0.2482
Max Resolution 1920×1080
Brightness 250 cd/m2
Contrast 1000:1
Response Time 5ms
color 16.7M
Viewing Angle Horizontal 170°, Vertical 160°
Interface
VGA 1
HDMI 1
Audio In 1
Audio
Audio Input 1, 3.5 mm mini-jack
Speaker 2x2W
OSD
Multi- Language 11 (English, French, German, Italian, Simplified Chinese, Traditional Chinese, Korean, Japanese, Espanola, Portuguese, Russian )
Mounting
VESA 100mm x 100mm
General
Power supply DC 12V, 2A
Consumption &lt;20 W(on)
&lt;0.5 W(Standby)
Operation Temperature 0°C ~ 40 °C
Operating Humidity 20%~85% (No Condensation)
Storage Temperature -20°C ~ 60°C
Storage Humidity 0%~90% (No Condensation)
Dimension (W×H×D) 509.5mm × 304.5 mm × 35.1mm(No Pedestal)
Weight: Net Weight:2.51Kg  Gross Weight:3.8Kg
Accessory
Standard HDMI cable, Adapter&amp; power cable, Pedestal,Quick Guide
Optional Hanging bracket</t>
  </si>
  <si>
    <t>23.8 inches
VESA mount</t>
  </si>
  <si>
    <t>21.5 inches
VESA mount</t>
  </si>
  <si>
    <t>Desk mounting for MW3232-E</t>
  </si>
  <si>
    <t>Wall mounting Bracket for MW3219-V/MW3222-F/MW3222-V/MW3228-F/MW3224-V/MW3232-V</t>
  </si>
  <si>
    <t>Model HB-4022-E
Application Hanging Bracket for MW3219-V/MW3222-F/MW3222-V/MW3228-F/MW3224-V/MW3232-V
Dimension（W×H×D） 140mm×120mm×42mm
Weight 0.5 Kg
Material SGCC
Standard VESA</t>
  </si>
  <si>
    <t>22-дюймовый монитор, Full HD 1920×1080</t>
  </si>
  <si>
    <t>Bezel Width</t>
    <phoneticPr fontId="4" type="noConversion"/>
  </si>
  <si>
    <t>Control</t>
    <phoneticPr fontId="4" type="noConversion"/>
  </si>
  <si>
    <t>English/Simplified Chinese</t>
    <phoneticPr fontId="4" type="noConversion"/>
  </si>
  <si>
    <t>55 inches</t>
    <phoneticPr fontId="4" type="noConversion"/>
  </si>
  <si>
    <t>3.5mm</t>
    <phoneticPr fontId="4" type="noConversion"/>
  </si>
  <si>
    <t>500cd/m²</t>
    <phoneticPr fontId="4" type="noConversion"/>
  </si>
  <si>
    <t>DVI/VGA/HDMI</t>
    <phoneticPr fontId="4" type="noConversion"/>
  </si>
  <si>
    <t>RS232/IR</t>
    <phoneticPr fontId="4" type="noConversion"/>
  </si>
  <si>
    <t>1213.70(W)×684.50(H)×125.59(D)</t>
    <phoneticPr fontId="4" type="noConversion"/>
  </si>
  <si>
    <t>24.5 Kg</t>
    <phoneticPr fontId="4" type="noConversion"/>
  </si>
  <si>
    <t>49 inches</t>
    <phoneticPr fontId="4" type="noConversion"/>
  </si>
  <si>
    <t>1300:1</t>
    <phoneticPr fontId="4" type="noConversion"/>
  </si>
  <si>
    <t>1078.44(W)×608.46(H)×124.05(D)</t>
    <phoneticPr fontId="4" type="noConversion"/>
  </si>
  <si>
    <t>23.5 Kg</t>
    <phoneticPr fontId="4" type="noConversion"/>
  </si>
  <si>
    <t>46 inches</t>
    <phoneticPr fontId="4" type="noConversion"/>
  </si>
  <si>
    <t>1022.18(W)×576.87(H)×125.4(D)</t>
    <phoneticPr fontId="4" type="noConversion"/>
  </si>
  <si>
    <t>22.5 Kg</t>
    <phoneticPr fontId="4" type="noConversion"/>
  </si>
  <si>
    <t>46" LCD Video Wall Structure Unit</t>
    <phoneticPr fontId="4" type="noConversion"/>
  </si>
  <si>
    <t>46" LCD Video Wall Pedestal(Height 0.6m)</t>
    <phoneticPr fontId="4" type="noConversion"/>
  </si>
  <si>
    <t>46" LCD Video Wall Pedestal(Height 0.8m)</t>
    <phoneticPr fontId="4" type="noConversion"/>
  </si>
  <si>
    <t>46" LCD Video Wall Pedestal(Height 0.9m)</t>
    <phoneticPr fontId="4" type="noConversion"/>
  </si>
  <si>
    <t>46" LCD Video Wall Pedestal(Height 1.0m)</t>
    <phoneticPr fontId="4" type="noConversion"/>
  </si>
  <si>
    <t>46" LCD Video Wall Pedestal(Height 1.1m)</t>
    <phoneticPr fontId="4" type="noConversion"/>
  </si>
  <si>
    <t>49" LCD Video Wall Structure Unit</t>
    <phoneticPr fontId="4" type="noConversion"/>
  </si>
  <si>
    <t>49" LCD Video Wall Pedestal(Height 0.6m)</t>
    <phoneticPr fontId="4" type="noConversion"/>
  </si>
  <si>
    <t>49" LCD Video Wall Pedestal(Height 0.8m)</t>
    <phoneticPr fontId="4" type="noConversion"/>
  </si>
  <si>
    <t>49" LCD Video Wall Pedestal(Height 0.9m)</t>
    <phoneticPr fontId="4" type="noConversion"/>
  </si>
  <si>
    <t>49" LCD Video Wall Pedestal(Height 1.0m)</t>
    <phoneticPr fontId="4" type="noConversion"/>
  </si>
  <si>
    <t>49" LCD Video Wall Pedestal(Height 1.1m)</t>
    <phoneticPr fontId="4" type="noConversion"/>
  </si>
  <si>
    <t>55" LCD Video Wall Structure Unit</t>
    <phoneticPr fontId="4" type="noConversion"/>
  </si>
  <si>
    <t>55" LCD Video Wall Pedestal(Height 0.6m)</t>
    <phoneticPr fontId="4" type="noConversion"/>
  </si>
  <si>
    <t>55" LCD Video Wall Pedestal(Height 0.8m)</t>
    <phoneticPr fontId="4" type="noConversion"/>
  </si>
  <si>
    <t>55" LCD Video Wall Pedestal(Height 0.9m)</t>
    <phoneticPr fontId="4" type="noConversion"/>
  </si>
  <si>
    <t>55" LCD Video Wall Pedestal(Height 1.0m)</t>
    <phoneticPr fontId="4" type="noConversion"/>
  </si>
  <si>
    <t>55" LCD Video Wall Pedestal(Height 1.1m)</t>
    <phoneticPr fontId="4" type="noConversion"/>
  </si>
  <si>
    <t>Pixel Pitch</t>
    <phoneticPr fontId="5" type="noConversion"/>
  </si>
  <si>
    <t>LED Type</t>
    <phoneticPr fontId="4" type="noConversion"/>
  </si>
  <si>
    <t>Package Brand</t>
    <phoneticPr fontId="4" type="noConversion"/>
  </si>
  <si>
    <t>Module Resolution</t>
    <phoneticPr fontId="4" type="noConversion"/>
  </si>
  <si>
    <t>Module Dimensions</t>
    <phoneticPr fontId="4" type="noConversion"/>
  </si>
  <si>
    <t>Cabinet Resolution</t>
    <phoneticPr fontId="4" type="noConversion"/>
  </si>
  <si>
    <t>Cabinet Dimensions</t>
    <phoneticPr fontId="4" type="noConversion"/>
  </si>
  <si>
    <t>Cabinet Weight</t>
    <phoneticPr fontId="4" type="noConversion"/>
  </si>
  <si>
    <t>Maintenance Mode</t>
    <phoneticPr fontId="4" type="noConversion"/>
  </si>
  <si>
    <t>1.24mm</t>
    <phoneticPr fontId="4" type="noConversion"/>
  </si>
  <si>
    <t>SMD</t>
    <phoneticPr fontId="4" type="noConversion"/>
  </si>
  <si>
    <t>Nationstar Copper</t>
    <phoneticPr fontId="4" type="noConversion"/>
  </si>
  <si>
    <t>128×145</t>
    <phoneticPr fontId="4" type="noConversion"/>
  </si>
  <si>
    <t>160(W)×180(H)</t>
    <phoneticPr fontId="4" type="noConversion"/>
  </si>
  <si>
    <t>512×290</t>
    <phoneticPr fontId="4" type="noConversion"/>
  </si>
  <si>
    <t>640(W)×360(H)×54.5(D)</t>
    <phoneticPr fontId="4" type="noConversion"/>
  </si>
  <si>
    <t>6.95kg</t>
    <phoneticPr fontId="4" type="noConversion"/>
  </si>
  <si>
    <t>160°(H)
140°(V)</t>
    <phoneticPr fontId="4" type="noConversion"/>
  </si>
  <si>
    <t>800cd/m²</t>
    <phoneticPr fontId="4" type="noConversion"/>
  </si>
  <si>
    <t>4000:1</t>
    <phoneticPr fontId="4" type="noConversion"/>
  </si>
  <si>
    <t>Front Maintenance</t>
    <phoneticPr fontId="4" type="noConversion"/>
  </si>
  <si>
    <t>Nationstar Gold</t>
    <phoneticPr fontId="4" type="noConversion"/>
  </si>
  <si>
    <t>1.45mm</t>
    <phoneticPr fontId="4" type="noConversion"/>
  </si>
  <si>
    <t>110×124</t>
    <phoneticPr fontId="4" type="noConversion"/>
  </si>
  <si>
    <t>440×248</t>
    <phoneticPr fontId="4" type="noConversion"/>
  </si>
  <si>
    <t>1.55mm</t>
    <phoneticPr fontId="4" type="noConversion"/>
  </si>
  <si>
    <t>102×116</t>
    <phoneticPr fontId="4" type="noConversion"/>
  </si>
  <si>
    <t>408×232</t>
    <phoneticPr fontId="4" type="noConversion"/>
  </si>
  <si>
    <t>1.667mm</t>
    <phoneticPr fontId="4" type="noConversion"/>
  </si>
  <si>
    <t>96×108</t>
    <phoneticPr fontId="4" type="noConversion"/>
  </si>
  <si>
    <t>384×216</t>
    <phoneticPr fontId="4" type="noConversion"/>
  </si>
  <si>
    <t>1.875mm</t>
    <phoneticPr fontId="4" type="noConversion"/>
  </si>
  <si>
    <t>Xindeco Copper</t>
    <phoneticPr fontId="4" type="noConversion"/>
  </si>
  <si>
    <t>85×96</t>
    <phoneticPr fontId="4" type="noConversion"/>
  </si>
  <si>
    <t>340×192</t>
    <phoneticPr fontId="4" type="noConversion"/>
  </si>
  <si>
    <t>2.5mm</t>
    <phoneticPr fontId="4" type="noConversion"/>
  </si>
  <si>
    <t>Huatian Copper</t>
    <phoneticPr fontId="4" type="noConversion"/>
  </si>
  <si>
    <t>96×96</t>
    <phoneticPr fontId="4" type="noConversion"/>
  </si>
  <si>
    <t>240(W)×240(H)</t>
    <phoneticPr fontId="4" type="noConversion"/>
  </si>
  <si>
    <t>192×192</t>
    <phoneticPr fontId="4" type="noConversion"/>
  </si>
  <si>
    <t>480(W)×480(H)×61(D)</t>
    <phoneticPr fontId="4" type="noConversion"/>
  </si>
  <si>
    <t>8.5kg</t>
    <phoneticPr fontId="4" type="noConversion"/>
  </si>
  <si>
    <t>140°(H)
140°(V)</t>
    <phoneticPr fontId="4" type="noConversion"/>
  </si>
  <si>
    <t>1200cd/m²</t>
    <phoneticPr fontId="4" type="noConversion"/>
  </si>
  <si>
    <t>1.5mm</t>
    <phoneticPr fontId="4" type="noConversion"/>
  </si>
  <si>
    <t>152×152</t>
    <phoneticPr fontId="4" type="noConversion"/>
  </si>
  <si>
    <t>304×304</t>
    <phoneticPr fontId="4" type="noConversion"/>
  </si>
  <si>
    <t>480(W)×480(H)×59.6(D)</t>
    <phoneticPr fontId="4" type="noConversion"/>
  </si>
  <si>
    <t>5.18kg</t>
    <phoneticPr fontId="4" type="noConversion"/>
  </si>
  <si>
    <t>700cd/m²</t>
    <phoneticPr fontId="4" type="noConversion"/>
  </si>
  <si>
    <t>Front/Rear Maintenance</t>
    <phoneticPr fontId="4" type="noConversion"/>
  </si>
  <si>
    <t>1.6mm</t>
    <phoneticPr fontId="4" type="noConversion"/>
  </si>
  <si>
    <t>144×144</t>
    <phoneticPr fontId="4" type="noConversion"/>
  </si>
  <si>
    <t>288×288</t>
    <phoneticPr fontId="4" type="noConversion"/>
  </si>
  <si>
    <t>1.8mm</t>
    <phoneticPr fontId="4" type="noConversion"/>
  </si>
  <si>
    <t>128×128</t>
    <phoneticPr fontId="4" type="noConversion"/>
  </si>
  <si>
    <t>256×256</t>
    <phoneticPr fontId="4" type="noConversion"/>
  </si>
  <si>
    <t>MW7215-E-U</t>
  </si>
  <si>
    <t>Brief description</t>
    <phoneticPr fontId="4" type="noConversion"/>
  </si>
  <si>
    <t>Video input</t>
    <phoneticPr fontId="5" type="noConversion"/>
  </si>
  <si>
    <t>Video output</t>
    <phoneticPr fontId="4" type="noConversion"/>
  </si>
  <si>
    <t>Output resolution</t>
    <phoneticPr fontId="4" type="noConversion"/>
  </si>
  <si>
    <t>Display split</t>
    <phoneticPr fontId="4" type="noConversion"/>
  </si>
  <si>
    <t>Decoding Capability</t>
    <phoneticPr fontId="4" type="noConversion"/>
  </si>
  <si>
    <t>Card slot</t>
    <phoneticPr fontId="4" type="noConversion"/>
  </si>
  <si>
    <t>Video Stream Format</t>
    <phoneticPr fontId="4" type="noConversion"/>
  </si>
  <si>
    <t>Audio in/out</t>
    <phoneticPr fontId="4" type="noConversion"/>
  </si>
  <si>
    <t>Alarm in/out</t>
    <phoneticPr fontId="4" type="noConversion"/>
  </si>
  <si>
    <t>RJ45</t>
  </si>
  <si>
    <t xml:space="preserve"> 1-ch HDMI
1-ch VGA
1-ch CVBS</t>
  </si>
  <si>
    <t xml:space="preserve">1 /2 /3/ 4/ 7/ 9/ 16
</t>
  </si>
  <si>
    <t>H.265
H.264
MPEG4
MJPFG</t>
  </si>
  <si>
    <t>4/2</t>
  </si>
  <si>
    <t>H.265
H.264</t>
    <phoneticPr fontId="4" type="noConversion"/>
  </si>
  <si>
    <t>6/3</t>
  </si>
  <si>
    <t>12-ch High Definition Video Decoder</t>
    <phoneticPr fontId="4" type="noConversion"/>
  </si>
  <si>
    <t>RJ45
1-ch DVI-D
1-ch VGA</t>
    <phoneticPr fontId="4" type="noConversion"/>
  </si>
  <si>
    <t>12-ch DVI-D</t>
    <phoneticPr fontId="4" type="noConversion"/>
  </si>
  <si>
    <t>1024×768@60Hz, 1280×720@60Hz, 1280×1024@60Hz, 1440×900@60Hz, 1600×1200@60Hz, 1920×1080@60Hz, 1920×1200@60Hz</t>
    <phoneticPr fontId="4" type="noConversion"/>
  </si>
  <si>
    <t>1/2/3/4/5/6/7/8/9/10/13/16</t>
    <phoneticPr fontId="4" type="noConversion"/>
  </si>
  <si>
    <t>16*1200W@20/16*4K@30/64*1080P@30/144*720P@30</t>
    <phoneticPr fontId="4" type="noConversion"/>
  </si>
  <si>
    <t>1/2</t>
    <phoneticPr fontId="4" type="noConversion"/>
  </si>
  <si>
    <t>4/4</t>
    <phoneticPr fontId="4" type="noConversion"/>
  </si>
  <si>
    <t>442(W)×89(H)×420(D)mm</t>
    <phoneticPr fontId="4" type="noConversion"/>
  </si>
  <si>
    <t>5.0Kg</t>
    <phoneticPr fontId="4" type="noConversion"/>
  </si>
  <si>
    <t>Video Wall Controller</t>
    <phoneticPr fontId="4" type="noConversion"/>
  </si>
  <si>
    <t>HDMI input card
VGA input card
DVI input card</t>
    <phoneticPr fontId="4" type="noConversion"/>
  </si>
  <si>
    <t>DVI output card</t>
    <phoneticPr fontId="4" type="noConversion"/>
  </si>
  <si>
    <t xml:space="preserve">1024×768(XGA)@60HZ, 
1280×720(720P)@60HZ, 
1280×1024(SXGA)@60HZ,   
1600×1200(UXGA)@60HZ, 
440×900(WXGA+)@60HZ, 
1920×1080(1080P)@60HZ, 
1920×1200(WUXGA)@60HZ
</t>
    <phoneticPr fontId="4" type="noConversion"/>
  </si>
  <si>
    <t>442(W)×132.0(H)×468.8(D)mm</t>
    <phoneticPr fontId="4" type="noConversion"/>
  </si>
  <si>
    <t>4.0Kg</t>
    <phoneticPr fontId="4" type="noConversion"/>
  </si>
  <si>
    <t>442(W)×220.0(H)×468.8(D)mm</t>
    <phoneticPr fontId="4" type="noConversion"/>
  </si>
  <si>
    <t xml:space="preserve"> Main control panel</t>
    <phoneticPr fontId="4" type="noConversion"/>
  </si>
  <si>
    <t>Working with DMC8000, must be configured</t>
    <phoneticPr fontId="4" type="noConversion"/>
  </si>
  <si>
    <t>8-ch HDMI input card</t>
    <phoneticPr fontId="4" type="noConversion"/>
  </si>
  <si>
    <t>Working with DMC8000, optional</t>
    <phoneticPr fontId="4" type="noConversion"/>
  </si>
  <si>
    <t>8-ch DVI input card</t>
    <phoneticPr fontId="4" type="noConversion"/>
  </si>
  <si>
    <t>8-ch VGA input card</t>
    <phoneticPr fontId="4" type="noConversion"/>
  </si>
  <si>
    <t>8-ch DVI output card</t>
    <phoneticPr fontId="4" type="noConversion"/>
  </si>
  <si>
    <t xml:space="preserve"> Main control panel</t>
  </si>
  <si>
    <t>8-ch HDMI input card</t>
  </si>
  <si>
    <t>8-ch VGA input card</t>
  </si>
  <si>
    <t>8-ch DVI input card</t>
  </si>
  <si>
    <t>8-ch DVI output card</t>
  </si>
  <si>
    <t>Controller</t>
  </si>
  <si>
    <t>DISPLAY</t>
  </si>
  <si>
    <t>Model Name</t>
    <phoneticPr fontId="34" type="noConversion"/>
  </si>
  <si>
    <r>
      <rPr>
        <b/>
        <sz val="11"/>
        <color rgb="FFFFFFFF"/>
        <rFont val="宋体"/>
        <family val="2"/>
        <charset val="134"/>
      </rPr>
      <t>①</t>
    </r>
  </si>
  <si>
    <r>
      <rPr>
        <b/>
        <sz val="11"/>
        <color rgb="FFFFFFFF"/>
        <rFont val="宋体"/>
        <family val="2"/>
        <charset val="134"/>
      </rPr>
      <t>②</t>
    </r>
  </si>
  <si>
    <r>
      <rPr>
        <b/>
        <sz val="11"/>
        <color rgb="FFFFFFFF"/>
        <rFont val="宋体"/>
        <family val="2"/>
        <charset val="134"/>
      </rPr>
      <t>③</t>
    </r>
  </si>
  <si>
    <r>
      <rPr>
        <b/>
        <sz val="11"/>
        <color rgb="FFFFFFFF"/>
        <rFont val="宋体"/>
        <family val="2"/>
        <charset val="134"/>
      </rPr>
      <t>④</t>
    </r>
  </si>
  <si>
    <r>
      <rPr>
        <b/>
        <sz val="11"/>
        <color rgb="FFFFFFFF"/>
        <rFont val="宋体"/>
        <family val="2"/>
        <charset val="134"/>
      </rPr>
      <t>⑤</t>
    </r>
  </si>
  <si>
    <r>
      <rPr>
        <b/>
        <sz val="11"/>
        <color rgb="FFFFFFFF"/>
        <rFont val="宋体"/>
        <family val="2"/>
        <charset val="134"/>
      </rPr>
      <t>⑥</t>
    </r>
  </si>
  <si>
    <r>
      <rPr>
        <b/>
        <sz val="11"/>
        <color rgb="FFFFFFFF"/>
        <rFont val="宋体"/>
        <family val="2"/>
        <charset val="134"/>
      </rPr>
      <t>⑦</t>
    </r>
  </si>
  <si>
    <t>MW3232-E</t>
    <phoneticPr fontId="34" type="noConversion"/>
  </si>
  <si>
    <t>MW</t>
    <phoneticPr fontId="34" type="noConversion"/>
  </si>
  <si>
    <t>3</t>
    <phoneticPr fontId="4" type="noConversion"/>
  </si>
  <si>
    <t>2</t>
    <phoneticPr fontId="4" type="noConversion"/>
  </si>
  <si>
    <t>32</t>
    <phoneticPr fontId="4" type="noConversion"/>
  </si>
  <si>
    <t>E</t>
    <phoneticPr fontId="34" type="noConversion"/>
  </si>
  <si>
    <t>-</t>
    <phoneticPr fontId="34" type="noConversion"/>
  </si>
  <si>
    <t>MW-A46-B1</t>
    <phoneticPr fontId="34" type="noConversion"/>
  </si>
  <si>
    <t>A</t>
    <phoneticPr fontId="4" type="noConversion"/>
  </si>
  <si>
    <t>-</t>
    <phoneticPr fontId="4" type="noConversion"/>
  </si>
  <si>
    <t>46</t>
    <phoneticPr fontId="4" type="noConversion"/>
  </si>
  <si>
    <t>B1</t>
    <phoneticPr fontId="4" type="noConversion"/>
  </si>
  <si>
    <t>MW7216-E-BL-U</t>
    <phoneticPr fontId="34" type="noConversion"/>
  </si>
  <si>
    <t>7</t>
    <phoneticPr fontId="4" type="noConversion"/>
  </si>
  <si>
    <t>16</t>
    <phoneticPr fontId="4" type="noConversion"/>
  </si>
  <si>
    <t>BL</t>
    <phoneticPr fontId="34" type="noConversion"/>
  </si>
  <si>
    <t>U</t>
    <phoneticPr fontId="34" type="noConversion"/>
  </si>
  <si>
    <r>
      <rPr>
        <b/>
        <sz val="11"/>
        <color rgb="FFFFFFFF"/>
        <rFont val="宋体"/>
        <family val="2"/>
        <charset val="134"/>
      </rPr>
      <t>①</t>
    </r>
    <r>
      <rPr>
        <b/>
        <sz val="11"/>
        <color rgb="FFFFFFFF"/>
        <rFont val="Calibri"/>
        <family val="2"/>
      </rPr>
      <t xml:space="preserve"> Prouct </t>
    </r>
  </si>
  <si>
    <r>
      <rPr>
        <b/>
        <sz val="11"/>
        <color rgb="FFFFFFFF"/>
        <rFont val="宋体"/>
        <family val="2"/>
        <charset val="134"/>
      </rPr>
      <t>②</t>
    </r>
    <r>
      <rPr>
        <b/>
        <sz val="11"/>
        <color rgb="FFFFFFFF"/>
        <rFont val="Calibri"/>
        <family val="2"/>
      </rPr>
      <t xml:space="preserve"> Product Type</t>
    </r>
  </si>
  <si>
    <r>
      <rPr>
        <b/>
        <sz val="11"/>
        <color rgb="FFFFFFFF"/>
        <rFont val="宋体"/>
        <family val="2"/>
        <charset val="134"/>
      </rPr>
      <t>③</t>
    </r>
    <r>
      <rPr>
        <b/>
        <sz val="11"/>
        <color rgb="FFFFFFFF"/>
        <rFont val="Calibri"/>
        <family val="2"/>
      </rPr>
      <t xml:space="preserve"> Pixel Pitch</t>
    </r>
  </si>
  <si>
    <r>
      <rPr>
        <b/>
        <sz val="11"/>
        <color rgb="FFFFFFFF"/>
        <rFont val="宋体"/>
        <family val="2"/>
        <charset val="134"/>
      </rPr>
      <t>④</t>
    </r>
    <r>
      <rPr>
        <b/>
        <sz val="11"/>
        <color rgb="FFFFFFFF"/>
        <rFont val="Calibri"/>
        <family val="2"/>
      </rPr>
      <t xml:space="preserve"> Screen Size</t>
    </r>
  </si>
  <si>
    <r>
      <rPr>
        <b/>
        <sz val="11"/>
        <color rgb="FFFFFFFF"/>
        <rFont val="宋体"/>
        <family val="2"/>
        <charset val="134"/>
      </rPr>
      <t>⑤</t>
    </r>
    <r>
      <rPr>
        <b/>
        <sz val="11"/>
        <color rgb="FFFFFFFF"/>
        <rFont val="Calibri"/>
        <family val="2"/>
      </rPr>
      <t xml:space="preserve"> Series</t>
    </r>
  </si>
  <si>
    <r>
      <rPr>
        <b/>
        <sz val="11"/>
        <color rgb="FFFFFFFF"/>
        <rFont val="宋体"/>
        <family val="2"/>
        <charset val="134"/>
      </rPr>
      <t>⑥</t>
    </r>
    <r>
      <rPr>
        <b/>
        <sz val="11"/>
        <color rgb="FFFFFFFF"/>
        <rFont val="Calibri"/>
        <family val="2"/>
      </rPr>
      <t xml:space="preserve"> Others</t>
    </r>
  </si>
  <si>
    <r>
      <rPr>
        <b/>
        <sz val="11"/>
        <color rgb="FFFFFFFF"/>
        <rFont val="宋体"/>
        <family val="2"/>
        <charset val="134"/>
      </rPr>
      <t>⑦</t>
    </r>
    <r>
      <rPr>
        <b/>
        <sz val="11"/>
        <color rgb="FFFFFFFF"/>
        <rFont val="Calibri"/>
        <family val="2"/>
      </rPr>
      <t xml:space="preserve"> Others:</t>
    </r>
  </si>
  <si>
    <t>MW: Media Wall</t>
    <phoneticPr fontId="4" type="noConversion"/>
  </si>
  <si>
    <t>A: LCD Video Wall</t>
    <phoneticPr fontId="34" type="noConversion"/>
  </si>
  <si>
    <t>2: Pixel pitch &lt; 2.5mm</t>
    <phoneticPr fontId="34" type="noConversion"/>
  </si>
  <si>
    <t>19: 19 inch</t>
    <phoneticPr fontId="34" type="noConversion"/>
  </si>
  <si>
    <t>E: Metal housing</t>
    <phoneticPr fontId="4" type="noConversion"/>
  </si>
  <si>
    <t>B1: BOE Panel</t>
    <phoneticPr fontId="4" type="noConversion"/>
  </si>
  <si>
    <t>UNV Development(LED)</t>
    <phoneticPr fontId="4" type="noConversion"/>
  </si>
  <si>
    <t>3: Monitor</t>
    <phoneticPr fontId="34" type="noConversion"/>
  </si>
  <si>
    <t>3: Pixel pitch &gt; 2.5mm</t>
    <phoneticPr fontId="34" type="noConversion"/>
  </si>
  <si>
    <t>22: 22 inch</t>
    <phoneticPr fontId="34" type="noConversion"/>
  </si>
  <si>
    <t>V: Plastic housing</t>
    <phoneticPr fontId="4" type="noConversion"/>
  </si>
  <si>
    <t>BL: Nationstar Copper</t>
    <phoneticPr fontId="4" type="noConversion"/>
  </si>
  <si>
    <t>7: LED Display</t>
    <phoneticPr fontId="34" type="noConversion"/>
  </si>
  <si>
    <t>5: Outdoor</t>
    <phoneticPr fontId="34" type="noConversion"/>
  </si>
  <si>
    <t>32: 32 inch</t>
    <phoneticPr fontId="34" type="noConversion"/>
  </si>
  <si>
    <t>E: E Series(LED)</t>
    <phoneticPr fontId="4" type="noConversion"/>
  </si>
  <si>
    <t>DL: Xindeco Copper</t>
    <phoneticPr fontId="4" type="noConversion"/>
  </si>
  <si>
    <t>43: 43 inch</t>
    <phoneticPr fontId="34" type="noConversion"/>
  </si>
  <si>
    <t>F: 4K Series</t>
    <phoneticPr fontId="4" type="noConversion"/>
  </si>
  <si>
    <t>NA: Nationstar Gold(LED)</t>
    <phoneticPr fontId="4" type="noConversion"/>
  </si>
  <si>
    <t>46: 46 inch</t>
    <phoneticPr fontId="4" type="noConversion"/>
  </si>
  <si>
    <t>49: 49 inch</t>
    <phoneticPr fontId="4" type="noConversion"/>
  </si>
  <si>
    <t>55: 55 inch</t>
    <phoneticPr fontId="4" type="noConversion"/>
  </si>
  <si>
    <t>12: 1.2mm pixel pitch</t>
    <phoneticPr fontId="4" type="noConversion"/>
  </si>
  <si>
    <t>14: 1.4mm pixel pitch</t>
    <phoneticPr fontId="4" type="noConversion"/>
  </si>
  <si>
    <t>15: 1.5mm pixel pitch</t>
    <phoneticPr fontId="4" type="noConversion"/>
  </si>
  <si>
    <t>16: 1.6mm pixel pitch</t>
    <phoneticPr fontId="4" type="noConversion"/>
  </si>
  <si>
    <t>18: 1.8mm pixel pitch</t>
    <phoneticPr fontId="4" type="noConversion"/>
  </si>
  <si>
    <t>25: 2.5mm pixel pitch</t>
    <phoneticPr fontId="4" type="noConversion"/>
  </si>
  <si>
    <t>DC5509</t>
    <phoneticPr fontId="34" type="noConversion"/>
  </si>
  <si>
    <t>DC</t>
    <phoneticPr fontId="34" type="noConversion"/>
  </si>
  <si>
    <t>5</t>
    <phoneticPr fontId="4" type="noConversion"/>
  </si>
  <si>
    <t>09</t>
    <phoneticPr fontId="4" type="noConversion"/>
  </si>
  <si>
    <t>DC5301</t>
    <phoneticPr fontId="34" type="noConversion"/>
  </si>
  <si>
    <t>01</t>
    <phoneticPr fontId="4" type="noConversion"/>
  </si>
  <si>
    <t>ADU8612-E</t>
    <phoneticPr fontId="34" type="noConversion"/>
  </si>
  <si>
    <t>ADU</t>
    <phoneticPr fontId="4" type="noConversion"/>
  </si>
  <si>
    <t>8</t>
    <phoneticPr fontId="4" type="noConversion"/>
  </si>
  <si>
    <t>6</t>
    <phoneticPr fontId="4" type="noConversion"/>
  </si>
  <si>
    <t>12</t>
    <phoneticPr fontId="4" type="noConversion"/>
  </si>
  <si>
    <t>E</t>
    <phoneticPr fontId="4" type="noConversion"/>
  </si>
  <si>
    <t>DMC8000-3U</t>
    <phoneticPr fontId="34" type="noConversion"/>
  </si>
  <si>
    <t>DMC</t>
    <phoneticPr fontId="34" type="noConversion"/>
  </si>
  <si>
    <t>0</t>
    <phoneticPr fontId="4" type="noConversion"/>
  </si>
  <si>
    <t>00</t>
    <phoneticPr fontId="4" type="noConversion"/>
  </si>
  <si>
    <t>3U</t>
    <phoneticPr fontId="4" type="noConversion"/>
  </si>
  <si>
    <r>
      <rPr>
        <b/>
        <sz val="11"/>
        <color rgb="FFFFFFFF"/>
        <rFont val="宋体"/>
        <family val="2"/>
        <charset val="134"/>
      </rPr>
      <t>②</t>
    </r>
    <r>
      <rPr>
        <b/>
        <sz val="11"/>
        <color rgb="FFFFFFFF"/>
        <rFont val="Calibri"/>
        <family val="2"/>
      </rPr>
      <t xml:space="preserve"> Market</t>
    </r>
  </si>
  <si>
    <t>③Series</t>
    <phoneticPr fontId="34" type="noConversion"/>
  </si>
  <si>
    <r>
      <rPr>
        <b/>
        <sz val="11"/>
        <color rgb="FFFFFFFF"/>
        <rFont val="宋体"/>
        <family val="2"/>
        <charset val="134"/>
      </rPr>
      <t>④</t>
    </r>
    <r>
      <rPr>
        <b/>
        <sz val="11"/>
        <color rgb="FFFFFFFF"/>
        <rFont val="Calibri"/>
        <family val="2"/>
      </rPr>
      <t xml:space="preserve"> Output channels</t>
    </r>
  </si>
  <si>
    <r>
      <rPr>
        <b/>
        <sz val="11"/>
        <color rgb="FFFFFFFF"/>
        <rFont val="宋体"/>
        <family val="2"/>
        <charset val="134"/>
      </rPr>
      <t>⑤</t>
    </r>
    <r>
      <rPr>
        <b/>
        <sz val="11"/>
        <color rgb="FFFFFFFF"/>
        <rFont val="Calibri"/>
        <family val="2"/>
      </rPr>
      <t xml:space="preserve"> Others</t>
    </r>
  </si>
  <si>
    <r>
      <t>⑥</t>
    </r>
    <r>
      <rPr>
        <b/>
        <sz val="11"/>
        <color rgb="FFFFFFFF"/>
        <rFont val="Calibri"/>
        <family val="2"/>
      </rPr>
      <t xml:space="preserve"> Reserved</t>
    </r>
  </si>
  <si>
    <r>
      <rPr>
        <b/>
        <sz val="11"/>
        <color rgb="FFFFFFFF"/>
        <rFont val="宋体"/>
        <family val="2"/>
        <charset val="134"/>
      </rPr>
      <t>⑦</t>
    </r>
    <r>
      <rPr>
        <b/>
        <sz val="11"/>
        <color rgb="FFFFFFFF"/>
        <rFont val="Calibri"/>
        <family val="2"/>
      </rPr>
      <t xml:space="preserve"> Reserved</t>
    </r>
  </si>
  <si>
    <t>DC: Decoder Controller</t>
    <phoneticPr fontId="34" type="noConversion"/>
  </si>
  <si>
    <t>5: Mid-low end</t>
    <phoneticPr fontId="4" type="noConversion"/>
  </si>
  <si>
    <t>0: First generation(DMC)</t>
    <phoneticPr fontId="4" type="noConversion"/>
  </si>
  <si>
    <t>01: 1-ch output</t>
    <phoneticPr fontId="4" type="noConversion"/>
  </si>
  <si>
    <t>E: Enhanced</t>
    <phoneticPr fontId="4" type="noConversion"/>
  </si>
  <si>
    <t>ADU: All Display Unit</t>
    <phoneticPr fontId="4" type="noConversion"/>
  </si>
  <si>
    <t xml:space="preserve">8: High end </t>
    <phoneticPr fontId="4" type="noConversion"/>
  </si>
  <si>
    <t>6: High performance(ADU)</t>
    <phoneticPr fontId="4" type="noConversion"/>
  </si>
  <si>
    <t>06: 6-ch output</t>
    <phoneticPr fontId="4" type="noConversion"/>
  </si>
  <si>
    <t>3U: 3U Case</t>
    <phoneticPr fontId="4" type="noConversion"/>
  </si>
  <si>
    <t>DMC: Digital Media Controller</t>
    <phoneticPr fontId="4" type="noConversion"/>
  </si>
  <si>
    <t>5: 5 Series(DC)</t>
    <phoneticPr fontId="4" type="noConversion"/>
  </si>
  <si>
    <t>09: 9-ch output</t>
    <phoneticPr fontId="4" type="noConversion"/>
  </si>
  <si>
    <t>5U: 5U Case</t>
    <phoneticPr fontId="4" type="noConversion"/>
  </si>
  <si>
    <t>3: 3 Series(DC)</t>
    <phoneticPr fontId="4" type="noConversion"/>
  </si>
  <si>
    <t>12: 12-ch output</t>
    <phoneticPr fontId="4" type="noConversion"/>
  </si>
  <si>
    <t>00: output channels optional</t>
    <phoneticPr fontId="4" type="noConversion"/>
  </si>
  <si>
    <r>
      <t>Видеокамера IP Купольная антивандальная</t>
    </r>
    <r>
      <rPr>
        <b/>
        <sz val="11"/>
        <color rgb="FFFF0000"/>
        <rFont val="Calibri"/>
        <family val="2"/>
      </rPr>
      <t xml:space="preserve"> Starview 2 Мп </t>
    </r>
    <r>
      <rPr>
        <sz val="11"/>
        <rFont val="Calibri"/>
        <family val="2"/>
      </rPr>
      <t xml:space="preserve">с ИК подсветкой до 30 м., фикс.объектив 2.8/4мм, 1/2.8" CMOS, угол обзора  107.8°/82°, ICR, 1920x1080:25fps, тройной видеопоток, Ultra 265/H.264/MJPEG, </t>
    </r>
    <r>
      <rPr>
        <b/>
        <sz val="11"/>
        <color rgb="FFFF0000"/>
        <rFont val="Calibri"/>
        <family val="2"/>
      </rPr>
      <t>WDR 120dB, Starlight: 0.001Lux</t>
    </r>
    <r>
      <rPr>
        <sz val="11"/>
        <rFont val="Calibri"/>
        <family val="2"/>
      </rPr>
      <t xml:space="preserve"> (F1.6, AGC ON) минимальная освещенность, cлот </t>
    </r>
    <r>
      <rPr>
        <b/>
        <sz val="11"/>
        <color rgb="FFFF0000"/>
        <rFont val="Calibri"/>
        <family val="2"/>
      </rPr>
      <t>micro SD (256Gb), тревожные ввод/вывод 1/1, Audio ввод/вывод 1/1</t>
    </r>
    <r>
      <rPr>
        <sz val="11"/>
        <rFont val="Calibri"/>
        <family val="2"/>
      </rPr>
      <t>.  Smart функции - Вторжение в зону, пересечение линий, детекция лиц, аудио детекция, расфокусировка, смена сцены, подсчет посетителей. IP67/IK10; -40°C до +60°C; 12V, PoE (IEEE802.3 af), Потребляемая мощность: макс. 5,5 Вт</t>
    </r>
  </si>
  <si>
    <t>IPC2124LR5-DUPF28M-F</t>
  </si>
  <si>
    <t>IPC2124LR5-DUPF40M-F</t>
  </si>
  <si>
    <r>
      <rPr>
        <b/>
        <sz val="10"/>
        <color rgb="FFFF0000"/>
        <rFont val="Calibri"/>
        <family val="2"/>
      </rPr>
      <t>Starlight</t>
    </r>
    <r>
      <rPr>
        <sz val="10"/>
        <rFont val="Calibri"/>
        <family val="2"/>
      </rPr>
      <t xml:space="preserve"> Видеокамера IP Уличная цилиндрическая </t>
    </r>
    <r>
      <rPr>
        <b/>
        <sz val="10"/>
        <color rgb="FFFF0000"/>
        <rFont val="Calibri"/>
        <family val="2"/>
      </rPr>
      <t>4 Мп</t>
    </r>
    <r>
      <rPr>
        <sz val="10"/>
        <rFont val="Calibri"/>
        <family val="2"/>
      </rPr>
      <t xml:space="preserve"> с ИК подсветкой до </t>
    </r>
    <r>
      <rPr>
        <b/>
        <sz val="10"/>
        <color rgb="FFFF0000"/>
        <rFont val="Calibri"/>
        <family val="2"/>
      </rPr>
      <t>50м</t>
    </r>
    <r>
      <rPr>
        <b/>
        <sz val="10"/>
        <rFont val="Calibri"/>
        <family val="2"/>
      </rPr>
      <t>,</t>
    </r>
    <r>
      <rPr>
        <sz val="10"/>
        <rFont val="Calibri"/>
        <family val="2"/>
      </rPr>
      <t xml:space="preserve"> фикс. объектив 2.8/4.0мм, 1/3" CMOS,  угол обзора 112.7°/86.5°, ICR, 2592x1520:20fps, тройной видеопоток, </t>
    </r>
    <r>
      <rPr>
        <b/>
        <sz val="10"/>
        <color rgb="FFFF0000"/>
        <rFont val="Calibri"/>
        <family val="2"/>
      </rPr>
      <t>WDR 120dB</t>
    </r>
    <r>
      <rPr>
        <sz val="10"/>
        <rFont val="Calibri"/>
        <family val="2"/>
      </rPr>
      <t xml:space="preserve">, Ultra 265/H.264/MJPEG, ICR, </t>
    </r>
    <r>
      <rPr>
        <b/>
        <sz val="10"/>
        <color rgb="FFFF0000"/>
        <rFont val="Calibri"/>
        <family val="2"/>
      </rPr>
      <t>0.002Lux</t>
    </r>
    <r>
      <rPr>
        <sz val="10"/>
        <rFont val="Calibri"/>
        <family val="2"/>
      </rPr>
      <t xml:space="preserve"> минимальная освещенность, IP67; -40°C до +60°C; 12V, PoE (IEEE802.3 af), Потребляемая мощность: макс. 6 Вт. 0.5кг  Металлический корпус.</t>
    </r>
  </si>
  <si>
    <t>Видеокамера IP Уличная цилиндрическая Starview 2 Мп с ИК подсветкой до 50 м., моторизированный объектив 2.7-13.5мм, 1/2.8" CMOS, угол обзора 121.36°~ 33.51°, ICR, 1920x1080:25fps, тройной видеопоток, Ultra 265/H.264/MJPEG, WDR 120dB, Super Starlight: 0.0005 Lux минимальная освещенность, cлот micro SD (256Gb),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10 Вт.</t>
  </si>
  <si>
    <t>Видеокамера IP Уличная цилиндрическая 2 Мп с ИК подсветкой до 50 м., вариофокальный объектив 2.8-12мм, 1/2.8" CMOS, угол обзора 94.0° ~ 28°, ICR, 1920x1080:25fps, тройной видеопоток, Ultra 265/H.264/MJPEG, WDR 120dB, 0.002 Lux минимальная освещенность, cлот micro SD (256Gb), BNC 1,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9 Вт</t>
  </si>
  <si>
    <t>Видеокамера IP Уличная цилиндрическая 2 Мп с ИК подсветкой до 50 м., моторизированный объектив 2.8-12мм, 1/2,8" CMOS, угол обзора 107.8° ~ 26.3°, ICR, 1920x1080:25fps, тройной видеопоток, Ultra 265/H.264/MJPEG, WDR 120dB, 0.002 Lux минимальная освещенность, cлот micro SD (256Gb), BNC 1,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9 Вт</t>
  </si>
  <si>
    <t>IPC2324SBR5-DPZ-F</t>
  </si>
  <si>
    <t>IPC2325SBR5-DPZ-F</t>
  </si>
  <si>
    <t>1/3" CMOS, ICR,  4MP (2592*1520), Max 30fps; 4MP (2560*1440), Max 30fps; 3MP (2304*1296), Max 30fps;1080P(1920*1080),Max30fps Ultra 265/H.264/MJPEG, Triple streams ,DC12V &amp; PoE, 120dB WDR, IP67, 2.8-12mm Motorized Varifocal lens, Alarm in/out 1/1, Audio,IR range: up to 50m, IR anti-reflection window, Micro SD card slot</t>
  </si>
  <si>
    <t>1/2.7" CMOS, ICR,  5MP (2592*1944), Max 20fps; 4MP (2560*1440), Max 30fps; 3MP (2304*1296), Max 30fps; 1080P (1920*1080), Max 30fps;  Ultra 265/H.264/MJPEG, Triple streams ,DC12V &amp; PoE, 120dB WDR, IP67, 2.8-12mm Motorized Varifocal lens, Alarm in/out 1/1, Audio,IR range: up to 50m, IR anti-reflection window, Micro SD card slot</t>
  </si>
  <si>
    <t>IPC3534SR3-DVPZ-F</t>
  </si>
  <si>
    <t>IPC3535SR3-DVPZ-F</t>
  </si>
  <si>
    <t>120dB WDR,HLC,IP67&amp;IK10,  3-Axis</t>
  </si>
  <si>
    <t>1/3" CMOS, ICR, 4MP (2592*1520), Max 30fps; 4MP (2560*1440), Max 30fps; 3MP (2304*1296), Max 30fps; 1080P (1920*1080), Max 30fps; Ultra 265/H.264/MJPEG, Triple streams ,DC12V &amp; PoE, 120dB WDR, 2.8-12mm Motorized Varifocal lens,Alarm in/out 1/1, Audio, IR range: up to 30m, IR anti-reflection window, Micro SD card slot</t>
  </si>
  <si>
    <t>\ CMOS, ICR, 5MP (2592*1944), Max 20fps; 4MP (2560*1440), Max 30fps; 3MP (2304*1296), Max 30fps; 1080P (1920*1080), Max 30fps;Ultra 265/H.264/MJPEG, Triple streams ,DC12V &amp; PoE, 120dB WDR, 2.8-12mm Motorized Varifocal lens,Alarm in/out 1/1, Audio, IR range: up to 30m, IR anti-reflection window, Micro SD card slot</t>
  </si>
  <si>
    <t>IPC3634SR3-ADPZ-F</t>
  </si>
  <si>
    <t>IPC3635SR3-ADPZ-F</t>
  </si>
  <si>
    <t>120dB WDR,  HLC, IP67,  3-Axis,Built-in Mic</t>
  </si>
  <si>
    <t>1/3" CMOS, ICR,  4MP (2592*1520), Max 30fps; 4MP (2560*1440), Max 30fps; 3MP (2304*1296), Max 30fps; 1080P (1920*1080), Max 30fps; Ultra 265/H.264/MJPEG, Triple streams ,DC12V &amp; PoE, 120dB WDR, IP67, 2.8-12mm Motorized Varifocal lens, Bulit-in Mic,IR range: up to 30m, IR anti-reflection window, Micro SD card slot</t>
  </si>
  <si>
    <t>1/2.7" CMOS, ICR, 5MP (2592*1944), Max 20fps; 4MP (2560*1440), Max 30fps; 3MP (2304*1296), Max 30fps; 1080P (1920*1080), Max 30fps; Ultra 265/H.264/MJPEG, Triple streams ,DC12V &amp; PoE, 120dB WDR, IP67, 2.8-12mm Motorized Varifocal lens, Bulit-in Mic,IR range: up to 30m, IR anti-reflection window, Micro SD card slot</t>
  </si>
  <si>
    <t>IPC6322SR-X22P-D</t>
  </si>
  <si>
    <t>NVR301-04X-P4</t>
  </si>
  <si>
    <t>NVR301-04LX-P4</t>
  </si>
  <si>
    <t>MW3222-L</t>
  </si>
  <si>
    <t>NVR301-04X</t>
  </si>
  <si>
    <t>NVR302-08S2-P8</t>
  </si>
  <si>
    <t>NVR301-08X</t>
  </si>
  <si>
    <t>NVR302-16S2-P16</t>
  </si>
  <si>
    <t>NVR301-16X</t>
  </si>
  <si>
    <t>Видеорегистратор IP 8-ми канальный с 8 POE портами.  Видеовыходы  HDMI/ VGA,  Двухсторонний аудиовход 1 канал RCA,  аудиовыход 1 канал RCA. Н.265/Н.264,  Разрешение записи  и просмотра 4K/5MP/4MP/3MP/1080p/960p/720p/D1/2CIF/CIF, Входящий поток 64 Мбит/с , Исходящий поток 64 Мбит/с,  декодирование:  2 x 4k@30, 3 x 5MP@30, 4 x 4MP@30, 5 x 3MP@30, 8 x 1080p@30,  удаленных пользователей  256, Одновременный просмотр 8 каналов,  Поддержка P2P, UPnP, NTP, DHCP, PPPoE , ONVIF, 1 SATA  до 10 Tb, RJ-45 10M/100M Ethernet, 1 x USB2.0, 1 x USB3.0, питание 52В/8Вт (блок питания в комплекте) POE - 13.5W на каждый порт (макс 30Вт на порт). Размеры 260 × 240 × 47 мм, вес 1 кг</t>
  </si>
  <si>
    <t>Видеорегистратор IP 16-ти канальный с 16 POE портами. Видеовыходы  HDMI/ VGA,  Двухсторонний аудиовход 1 канал RCA, Аудиовыход  1 канал RCA,    Н.265/Н.264,  Разрешение записи  и просмотра 8MP/6MP/5MP/4MP/3MP/1080p/960p/720p, Входящий поток 160 Мбит/с , Исходящий поток 64 Мбит/с,  декодирование:  2 x 4K@30, 4x 4MP@30, 5 x 3MP@30, 8 x 1080P@30, 16 x 720P@30,  удаленных пользователей  128, Одновременный просмотр 16 каналов,  Поддержка P2P, UPnP, NTP, DHCP, PPPoE , ONVIF, 2 SATA  до 10 Tb, RJ-45 10M/100M Ethernet, 1 x USB2.0, 1 x USB3.0, питание 220В/10Вт, POE -  максимум 30W на порт, всего 240Вт., размеры 380 мм ×315 мм × 53 мм , вес 2,6 кг</t>
  </si>
  <si>
    <t>Видеорегистратор IP 16-ти канальный. Видеовыходы  HDMI/ VGA,  Двухсторонний аудиовход 1 канал RCA, Н.265/Н.264,  Разрешение записи  и просмотра 4K/5MP/4MP/3MP/1080p/960p/720p/D1/2CIF/CIF, Входящий поток 64 Мбит/с , Исходящий поток 64 Мбит/с,  декодирование:  2 x 4K@30, 3 x 5MP@30, 4 x 4MP@30, 5 x 3MP@30,8 x 1080p@30, 16 x 720p@30к/с,  удаленных пользователей  128, Одновременный просмотр 16 каналов,  Поддержка P2P, UPnP, NTP, DHCP, PPPoE , ONVIF, 1 SATA  до 10 Tb, RJ-45 10M/100M Ethernet, 1 x USB2.0, 1 x USB3.0, питание 12В/8Вт (блок питания в комплекте), размеры 260 × 240 × 47 мм, вес 1,3 кг</t>
  </si>
  <si>
    <t>Видеорегистратор IP 8-ми канальный.  Видеовыходы  HDMI/ VGA,  Двухсторонний аудиовход 1 канал RCA.  Н.265/Н.264,  Разрешение записи  и просмотра 4K/5MP/4MP/3MP/1080p/960p/720p/D1/2CIF/CIF, Входящий поток 64 Мбит/с , Исходящий поток 64 Мбит/с,  декодирование:  2 x 4k@30, 3 x 5MP@30, 4 x 4MP@30, 5 x 3MP@30, 8 x 1080p@30,  удаленных пользователей  256, Одновременный просмотр 8 каналов.  Поддержка P2P, UPnP, NTP, DHCP, PPPoE , ONVIF, 1 SATA  до 10 Tb, RJ-45 10M/100M Ethernet, 1 x USB2.0,  1 x USB3.0, питание 12В/8Вт (блок питания в комплекте). Размеры 260 × 240 × 47 мм, вес 1,3 кг</t>
  </si>
  <si>
    <t>Видеорегистратор IP 8-ми канальный с 8 POE портами. Видеовыходы  HDMI/ VGA,  Двухсторонний аудиовход 1 канал RCA, Аудиовыход  1 канал RCA.   Н.265/Н.264,  Разрешение записи  и просмотра 8MP/6MP/5MP/4MP/3MP/1080p/960p/720p, Входящий поток 160 Мбит/с , Исходящий поток 64 Мбит/с,  декодирование:  2 x 4K@30, 4x 4MP@30, 5 x 3MP@30, 8 x 1080P@30,  удаленных пользователей  128, Одновременный просмотр 8 каналов,  Поддержка P2P, UPnP, NTP, DHCP, PPPoE , ONVIF, 2 SATA  до 10 Tb, RJ-45 10M/100M Ethernet, 1 x USB2.0, 1 x USB3.0, питание 220В/10Вт, POE - максимум 30W на порт, всего максимум 130Вт. размеры 380 мм ×315 мм × 53 мм , вес 2,6 кг</t>
  </si>
  <si>
    <r>
      <t xml:space="preserve">Видеокамера IP Купольная  </t>
    </r>
    <r>
      <rPr>
        <b/>
        <sz val="11"/>
        <color rgb="FFFF0000"/>
        <rFont val="Calibri"/>
        <family val="2"/>
      </rPr>
      <t>4 Мп</t>
    </r>
    <r>
      <rPr>
        <sz val="11"/>
        <color rgb="FFFF0000"/>
        <rFont val="Calibri"/>
        <family val="2"/>
      </rPr>
      <t xml:space="preserve"> </t>
    </r>
    <r>
      <rPr>
        <sz val="11"/>
        <rFont val="Calibri"/>
        <family val="2"/>
      </rPr>
      <t xml:space="preserve">с ИК подсветкой до 30 м., фикс.  объектив 2,8мм/ 4мм, 1/3" CMOS, угол обзора 107.8°/82.0°, ICR, 4MP (2592*1520), Max 3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t>
    </r>
    <r>
      <rPr>
        <b/>
        <sz val="11"/>
        <color rgb="FFFF0000"/>
        <rFont val="Calibri"/>
        <family val="2"/>
      </rPr>
      <t>встроенный микрофон</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5,5 Вт</t>
    </r>
  </si>
  <si>
    <r>
      <t xml:space="preserve">Видеокамера IP Купольная </t>
    </r>
    <r>
      <rPr>
        <b/>
        <sz val="11"/>
        <color rgb="FFFF0000"/>
        <rFont val="Calibri"/>
        <family val="2"/>
      </rPr>
      <t>5 Мп</t>
    </r>
    <r>
      <rPr>
        <sz val="11"/>
        <color rgb="FFFF0000"/>
        <rFont val="Calibri"/>
        <family val="2"/>
      </rPr>
      <t xml:space="preserve"> </t>
    </r>
    <r>
      <rPr>
        <sz val="11"/>
        <rFont val="Calibri"/>
        <family val="2"/>
      </rPr>
      <t xml:space="preserve">с ИК подсветкой до 30 м., фикс.  объектив 2,8мм/ 4мм, 1/2,7" CMOS, угол обзора 105.6°/80°, ICR, 5MP (2592*1944), Max 2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t>
    </r>
    <r>
      <rPr>
        <b/>
        <sz val="11"/>
        <color rgb="FFFF0000"/>
        <rFont val="Calibri"/>
        <family val="2"/>
      </rPr>
      <t>встроенный микрофон</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5,5 Вт 0.45kg</t>
    </r>
  </si>
  <si>
    <r>
      <t xml:space="preserve">Видеокамера IP Купольная антивандальная </t>
    </r>
    <r>
      <rPr>
        <b/>
        <sz val="11"/>
        <color rgb="FFFF0000"/>
        <rFont val="Calibri"/>
        <family val="2"/>
      </rPr>
      <t>5 Мп</t>
    </r>
    <r>
      <rPr>
        <sz val="11"/>
        <color rgb="FFFF0000"/>
        <rFont val="Calibri"/>
        <family val="2"/>
      </rPr>
      <t xml:space="preserve"> </t>
    </r>
    <r>
      <rPr>
        <sz val="11"/>
        <rFont val="Calibri"/>
        <family val="2"/>
      </rPr>
      <t xml:space="preserve">с ИК подсветкой до 30 м., фикс.  объектив 2,8мм/ 4мм, 1/2,7" CMOS, угол обзора 105.6°/80°, ICR, 5MP (2592*1944), Max 2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слот для Карты памяти </t>
    </r>
    <r>
      <rPr>
        <b/>
        <sz val="11"/>
        <color rgb="FFFF0000"/>
        <rFont val="Calibri"/>
        <family val="2"/>
      </rPr>
      <t>Micro SD 256GB</t>
    </r>
    <r>
      <rPr>
        <sz val="11"/>
        <rFont val="Calibri"/>
        <family val="2"/>
      </rPr>
      <t xml:space="preserve">, </t>
    </r>
    <r>
      <rPr>
        <b/>
        <sz val="11"/>
        <color rgb="FFFF0000"/>
        <rFont val="Calibri"/>
        <family val="2"/>
      </rPr>
      <t>Audio ввод/вывод1/1, тревожные ввод/вывод</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IK10; -40°C до +60°C; 12V, PoE (IEEE802.3 af), Потребляемая мощность: макс. 5,5 Вт 0.45kg</t>
    </r>
  </si>
  <si>
    <r>
      <t xml:space="preserve">Видеокамера IP Уличная цилиндрическая </t>
    </r>
    <r>
      <rPr>
        <b/>
        <sz val="11"/>
        <color rgb="FFFF0000"/>
        <rFont val="Calibri"/>
        <family val="2"/>
      </rPr>
      <t>5 Мп</t>
    </r>
    <r>
      <rPr>
        <sz val="11"/>
        <color rgb="FFFF0000"/>
        <rFont val="Calibri"/>
        <family val="2"/>
      </rPr>
      <t xml:space="preserve"> </t>
    </r>
    <r>
      <rPr>
        <sz val="11"/>
        <rFont val="Calibri"/>
        <family val="2"/>
      </rPr>
      <t xml:space="preserve">с ИК подсветкой до 30 м., фикс.  объектив 2,8мм/ 4мм, 1/2,7" CMOS, угол обзора 105.6°/80°, ICR, 5MP (2592*1944), Max 2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слот для Карты памяти </t>
    </r>
    <r>
      <rPr>
        <b/>
        <sz val="11"/>
        <color rgb="FFFF0000"/>
        <rFont val="Calibri"/>
        <family val="2"/>
      </rPr>
      <t>Micro SD 256GB</t>
    </r>
    <r>
      <rPr>
        <sz val="11"/>
        <rFont val="Calibri"/>
        <family val="2"/>
      </rPr>
      <t xml:space="preserve">, </t>
    </r>
    <r>
      <rPr>
        <b/>
        <sz val="11"/>
        <color rgb="FFFF0000"/>
        <rFont val="Calibri"/>
        <family val="2"/>
      </rPr>
      <t>втроенный микрофон</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6,4 Вт</t>
    </r>
  </si>
  <si>
    <t>Видеокамера IP Уличная цилиндрическая 4 Мп с ИК подсветкой до 50 м., моторизированный объектив 2.8-12мм, 1/3" CMOS, угол обзора 98.26°~ 31.35°, ICR, 4MP (2592*1520), Max 30fps; 4MP (2560*1440), Max 30fps; 3MP (2304*1296), Max 30fps;1080P(1920*1080),Max30fps, тройной видеопоток, Ultra 265/H.264/MJPEG, WDR 120dB, 0.003Lux (F1.6, AGC ON) минимальная освещенность, cлот micro SD (128Gb), тревожные ввод/вывод 1/1, Audio ввод/вывод 1/1.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9,5 Вт</t>
  </si>
  <si>
    <t>Видеокамера IP Уличная цилиндрическая 5 Мп с ИК подсветкой до 50 м., моторизированный объектив 2.8-12мм, 1/2.7" CMOS, угол обзора 96.23°~ 31.69°, ICR, 5MP (2592*1944), Max 20fps; 4MP (2560*1440), Max 30fps; 3MP (2304*1296), Max 30fps; 1080P (1920*1080), Max 30fps, тройной видеопоток, Ultra 265/H.264/MJPEG, WDR 120dB, 0.003Lux (F1.6, AGC ON) минимальная освещенность, cлот micro SD (128Gb), тревожные ввод/вывод 1/1, Audio ввод/вывод 1/1.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9,5 Вт</t>
  </si>
  <si>
    <t>Видеокамера IP Купольная антивандальная 4 Мп с ИК подсветкой до 30 м., Моторизированный объектив 2.8-12мм, 1/3" CMOS, угол обзора 98.26°~ 31.35°, ICR, 4MP (2592*1520), Max 30fps; 4MP (2560*1440), Max 30fps; 3MP (2304*1296), Max 30fps;1080P(1920*1080),Max30fps, тройной видеопоток, Ultra 265/H.264/MJPEG, WDR 120dB, 0.003Lux (F1.6, AGC ON) минимальная освещенность, cлот micro SD (128Gb), тревожные ввод/вывод 1/1, Audio ввод/вывод 1/1.  Smart функции - Детекция движения, вторжение в зону, обнаружение вмешательства, аудио детекция, вторжение в область , детекция человека.  IP67; IK10; -40°C до +60°C; 12V, PoE (IEEE802.3 af), Потребляемая мощность: макс. 8,7 Вт</t>
  </si>
  <si>
    <t>Видеокамера IP Купольная антивандальная 5 Мп с ИК подсветкой до 30 м., Моторизированный объектив 2.8-12мм, 1/2.7" CMOS, угол обзора 96.23°~ 31.69°, ICR, 5MP (2592*1944), Max 20fps; 4MP (2560*1440), Max 30fps; 3MP (2304*1296), Max 30fps; 1080P (1920*1080), Max 30fps, тройной видеопоток, Ultra 265/H.264/MJPEG, WDR 120dB, 0.003Lux (F1.6, AGC ON) минимальная освещенность, cлот micro SD (128Gb), тревожные ввод/вывод 1/1, Audio ввод/вывод 1/1.  Smart функции - Детекция движения, вторжение в зону, обнаружение вмешательства, аудио детекция, вторжение в область , детекция человека.  IP67; IK10;-40°C до +60°C; 12V, PoE (IEEE802.3 af), Потребляемая мощность: макс. 9,5 Вт</t>
  </si>
  <si>
    <t>Видеокамера IP Купольная 5 Мп с ИК подсветкой до 30 м., Моторизированный объектив 2.8-12мм, 1/2.7" CMOS, угол обзора 96.23°~ 31.69°, ICR, 5MP (2592*1944), Max 20fps; 4MP (2560*1440), Max 30fps; 3MP (2304*1296), Max 30fps; 1080P (1920*1080), Max 30fps, тройной видеопоток, Ultra 265/H.264/MJPEG, WDR 120dB, 0.003Lux (F1.6, AGC ON) минимальная освещенность, cлот micro SD (128Gb), Audio - встроенный микрофон.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9,5 Вт</t>
  </si>
  <si>
    <t>Видеокамера IP Купольная 4 Мп с ИК подсветкой до 30 м., Моторизированный объектив 2.8-12мм, 1/3" CMOS, угол обзора 98.26°~ 31.35°, ICR, 4MP (2592*1520), Max 30fps; 4MP (2560*1440), Max 30fps; 3MP (2304*1296), Max 30fps;1080P(1920*1080),Max30fps, тройной видеопоток, Ultra 265/H.264/MJPEG, WDR 120dB, 0.003Lux (F1.6, AGC ON) минимальная освещенность, cлот micro SD (128Gb), Audio - встроенный микрофон.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8,16 Вт</t>
  </si>
  <si>
    <t>Новинка</t>
  </si>
  <si>
    <t>Видеорегистратор IP 4-х канальный с 4 POE портами. Видеовыходы  HDMI/ VGA,   Н.265/Н.264,  Разрешение записи  и просмотра 4K/5MP/4MP/3MP/1080p/960p/720p/D1/2CIF/CIF.  Входящий поток 64 Мбит/с , Исходящий поток 64 Мбит/с,  декодирование:  2 x 4K@30, 3 x 5MP@30, 4 x 4MP@30,  удаленных пользователей  256, Одновременный просмотр 4 каналов,  Поддержка P2P, UPnP, NTP, DHCP, PPPoE , ONVIF, 1 SATA  до 10 Tb, RJ-45 10M/100M Ethernet, 1 x USB2.0,  1 x USB3.0, питание 48В/10Вт (блок питания в комплекте) POE - 13.5W на каждый порт. Размеры 205 × 205 × 46 мм, вес 0.6 кг</t>
  </si>
  <si>
    <t>Видеорегистратор IP 4-х канальный. Видеовыходы  HDMI/ VGA,   Н.265/Н.264,  Двухсторонний аудиовход 1 канал RCA, Аудиовыход  1 канал RCA. Разрешение записи  и просмотра 4K/5MP/4MP/3MP/1080p/960p/720p/D1/2CIF/CIF.  Входящий поток 64 Мбит/с , Исходящий поток 64 Мбит/с,  декодирование:  2 x 4K@30, 3 x 5MP@30, 4 x 4MP@30,  удаленных пользователей  256, Одновременный просмотр 4 каналов,  Поддержка P2P, UPnP, NTP, DHCP, PPPoE , ONVIF, 1 SATA  до 10 Tb, RJ-45 10M/100M Ethernet, 1 x USB2.0,  1 x USB3.0, питание 12В/8Вт (блок питания в комплекте). Размеры 260 × 240 × 47 мм, вес 1.3 кг</t>
  </si>
  <si>
    <t>Видеорегистратор IP 4-х канальный с 4 POE портами. Видеовыходы  HDMI/ VGA,   Н.265/Н.264,  Двухсторонний аудиовход 1 канал RCA, Аудиовыход  1 канал RCA. Разрешение записи  и просмотра 4K/5MP/4MP/3MP/1080p/960p/720p/D1/2CIF/CIF.  Входящий поток 64 Мбит/с , Исходящий поток 64 Мбит/с,  декодирование:  2 x 4K@30, 3 x 5MP@30, 4 x 4MP@30,  удаленных пользователей  256, Одновременный просмотр 4 каналов,  Поддержка P2P, UPnP, NTP, DHCP, PPPoE , ONVIF, 1 SATA  до 10 Tb, RJ-45 10M/100M Ethernet, 1 x USB2.0,  1 x USB3.0, питание 48В/9Вт (блок питания в комплекте) POE - 13.5W на каждый порт. Размеры 260 × 240 × 47 мм, вес 1 кг</t>
  </si>
  <si>
    <t>IPC2122LR3-PF28M-D-RU</t>
  </si>
  <si>
    <t>IPC2122LR3-PF40M-D-RU</t>
  </si>
  <si>
    <t>IPC2122LR3-PF60M-D-RU</t>
  </si>
  <si>
    <t>IPC2122LR5-UPF28M-F-RU</t>
  </si>
  <si>
    <t>IPC2122LR5-UPF40M-F-RU</t>
  </si>
  <si>
    <t>IPC2124LR5-DUPF28M-F-RU</t>
  </si>
  <si>
    <t>IPC2124LR5-DUPF40M-F-RU</t>
  </si>
  <si>
    <t>IPC2124LR3-PF28M-D-RU</t>
  </si>
  <si>
    <t>IPC2124LR3-PF40M-D-RU</t>
  </si>
  <si>
    <t>IPC2124LR3-PF60M-D-RU</t>
  </si>
  <si>
    <t>IPC2125LR3-PF40M-D-RU</t>
  </si>
  <si>
    <t>IPC2125LR3-PF60M-D-RU</t>
  </si>
  <si>
    <t>IPC2128LR3-DPF28M-F-RU</t>
  </si>
  <si>
    <t>IPC2128LR3-DPF40M-F-RU</t>
  </si>
  <si>
    <t>IPC322LR3-VSPF28-D-RU</t>
  </si>
  <si>
    <t>IPC322LR3-VSPF40-D-RU</t>
  </si>
  <si>
    <t>IPC322LR3-UVSPF28-F-RU</t>
  </si>
  <si>
    <t>IPC322LR3-UVSPF40-F-RU</t>
  </si>
  <si>
    <t>IPC324LR3-VSPF28-D-RU</t>
  </si>
  <si>
    <t>IPC324LR3-VSPF40-D-RU</t>
  </si>
  <si>
    <t>IPC325LR3-VSPF28-D-RU</t>
  </si>
  <si>
    <t>IPC325LR3-VSPF40-D-RU</t>
  </si>
  <si>
    <t>IPC328LR3-DVSPF28-F-RU</t>
  </si>
  <si>
    <t>IPC328LR3-DVSPF40-F-RU</t>
  </si>
  <si>
    <t>IPC3612LR3-PF28-D-RU</t>
  </si>
  <si>
    <t>IPC3612LR3-PF40-D-RU</t>
  </si>
  <si>
    <t>IPC3612LR3-UPF28-F-RU</t>
  </si>
  <si>
    <t>IPC3612LR3-UPF40-F-RU</t>
  </si>
  <si>
    <t>IPC3614LR3-PF28-D-RU</t>
  </si>
  <si>
    <t>IPC3614LR3-PF40-D-RU</t>
  </si>
  <si>
    <t>IPC3615LR3-PF28-D-RU</t>
  </si>
  <si>
    <t>IPC3615LR3-PF40-D-RU</t>
  </si>
  <si>
    <t>IPC3618LR3-DPF28-F-RU</t>
  </si>
  <si>
    <t>IPC3618LR3-DPF40-F-RU</t>
  </si>
  <si>
    <t>IPC2322LBR3-SP-D-RU</t>
  </si>
  <si>
    <t>IPC2322LBR3-SPZ28-D-RU</t>
  </si>
  <si>
    <t>IPC2324LBR3-SP-D-RU</t>
  </si>
  <si>
    <t>IPC2324LBR3-SPZ28-D-RU</t>
  </si>
  <si>
    <t>IPC2325LBR3-SP-D-RU</t>
  </si>
  <si>
    <t>IPC2325LBR3-SPZ28-D-RU</t>
  </si>
  <si>
    <t>IPC3232LR3-VSP-D-RU</t>
  </si>
  <si>
    <t>IPC3232LR3-VSPZ28-D-RU</t>
  </si>
  <si>
    <t>IPC3234LR3-VSP-D-RU</t>
  </si>
  <si>
    <t>IPC3234LR3-VSPZ28-D-RU</t>
  </si>
  <si>
    <t>IPC3235LR3-VSP-D-RU</t>
  </si>
  <si>
    <t>IPC3235LR3-VSPZ28-D-RU</t>
  </si>
  <si>
    <t>IPC6412LR-X5P-RU</t>
  </si>
  <si>
    <t>IPC6322SR-X22P-C-RU</t>
  </si>
  <si>
    <t>IPC6322SR-X22P-D-RU</t>
  </si>
  <si>
    <t>IPC2122SR3-F40W-D-RU</t>
  </si>
  <si>
    <t>IPC2124LR3-F40W-D-RU</t>
  </si>
  <si>
    <t>IPC322SR3-VSF28W-D-RU</t>
  </si>
  <si>
    <t>NVR301-04S2-RU</t>
  </si>
  <si>
    <t>NVR301-04S2-P4-RU</t>
  </si>
  <si>
    <t>NVR301-04LS2-P4-RU</t>
  </si>
  <si>
    <t>NVR301-04LX-P4-RU</t>
  </si>
  <si>
    <t>NVR301-04X-RU</t>
  </si>
  <si>
    <t>NVR301-04X-P4-RU</t>
  </si>
  <si>
    <t>NVR301-08LS2-P8-RU</t>
  </si>
  <si>
    <t>NVR301-08LX-P8-RU</t>
  </si>
  <si>
    <t>NVR301-08S2-RU</t>
  </si>
  <si>
    <t>NVR301-08S2-P8-RU</t>
  </si>
  <si>
    <t>NVR301-08X-RU</t>
  </si>
  <si>
    <t>NVR301-08X-P8-RU</t>
  </si>
  <si>
    <t>NVR302-08S2-P8-RU</t>
  </si>
  <si>
    <t>NVR302-09S-RU</t>
  </si>
  <si>
    <t>NVR302-16S-RU</t>
  </si>
  <si>
    <t>NVR302-16S-P8-RU</t>
  </si>
  <si>
    <t>NVR302-16S-P16-RU</t>
  </si>
  <si>
    <t>NVR302-16S2-P16-RU</t>
  </si>
  <si>
    <t>NVR301-16X-RU</t>
  </si>
  <si>
    <t>NVR302-32S-RU</t>
  </si>
  <si>
    <t>NVR304-32S-RU</t>
  </si>
  <si>
    <t>IPC3613LR3-APF28K-F</t>
  </si>
  <si>
    <t>IPC3613LR3-APF40K-F</t>
  </si>
  <si>
    <t>IPC3613LR3-APF28K-F-RU</t>
  </si>
  <si>
    <t>IPC3613LR3-APF40K-F-RU</t>
  </si>
  <si>
    <t>3MP</t>
  </si>
  <si>
    <t>MIC</t>
  </si>
  <si>
    <t>Audio
 I/0</t>
  </si>
  <si>
    <r>
      <rPr>
        <b/>
        <sz val="10"/>
        <color rgb="FFFF0000"/>
        <rFont val="Calibri"/>
        <family val="2"/>
      </rPr>
      <t>Starlight</t>
    </r>
    <r>
      <rPr>
        <sz val="10"/>
        <rFont val="Calibri"/>
        <family val="2"/>
      </rPr>
      <t xml:space="preserve"> Видеокамера IP Купольная  </t>
    </r>
    <r>
      <rPr>
        <b/>
        <sz val="10"/>
        <color rgb="FFFF0000"/>
        <rFont val="Calibri"/>
        <family val="2"/>
      </rPr>
      <t>2 Мп</t>
    </r>
    <r>
      <rPr>
        <sz val="10"/>
        <rFont val="Calibri"/>
        <family val="2"/>
      </rPr>
      <t xml:space="preserve"> с ИК подсветкой до 30м</t>
    </r>
    <r>
      <rPr>
        <b/>
        <sz val="10"/>
        <rFont val="Calibri"/>
        <family val="2"/>
      </rPr>
      <t>,</t>
    </r>
    <r>
      <rPr>
        <sz val="10"/>
        <rFont val="Calibri"/>
        <family val="2"/>
      </rPr>
      <t xml:space="preserve"> фикс. объектив 2.8/4.0мм 1/2.7" CMOS,  угол обзора 112.7°/86.5°, ICR, 1920x1080:25fps, тройной видеопоток, DWDR, Ultra 265/H.264/MJPEG, ICR, </t>
    </r>
    <r>
      <rPr>
        <b/>
        <sz val="10"/>
        <color rgb="FFFF0000"/>
        <rFont val="Calibri"/>
        <family val="2"/>
      </rPr>
      <t>0.002Lux</t>
    </r>
    <r>
      <rPr>
        <sz val="10"/>
        <rFont val="Calibri"/>
        <family val="2"/>
      </rPr>
      <t xml:space="preserve"> минимальная освещенность, IP67; -40°C до +60°C; 12V, PoE (IEEE802.3 af), Потребляемая мощность: макс. 4,5 Вт. 0.3кг  Металлический корпус.</t>
    </r>
  </si>
  <si>
    <r>
      <t xml:space="preserve">Видеокамера IP Купольная  </t>
    </r>
    <r>
      <rPr>
        <b/>
        <sz val="10"/>
        <color rgb="FFFF0000"/>
        <rFont val="Calibri"/>
        <family val="2"/>
      </rPr>
      <t>3 Мп</t>
    </r>
    <r>
      <rPr>
        <sz val="10"/>
        <rFont val="Calibri"/>
        <family val="2"/>
      </rPr>
      <t xml:space="preserve"> с ИК подсветкой до 30м, фикс. объектив 2.8/4.0мм 1/2.7" CMOS,  угол обзора 113.1°/86.5°, ICR, 3MP (2304*1296), Max 20fps; 2MP (1920*1080), Max 30fps, DWDR, Ultra 265/H.264/MJPEG, ICR, 0.01Lux минимальная освещенность, </t>
    </r>
    <r>
      <rPr>
        <b/>
        <sz val="10"/>
        <color rgb="FFFF0000"/>
        <rFont val="Calibri"/>
        <family val="2"/>
      </rPr>
      <t>втроенный микрофон, Micro SD до 128 Гб</t>
    </r>
    <r>
      <rPr>
        <sz val="10"/>
        <rFont val="Calibri"/>
        <family val="2"/>
      </rPr>
      <t>, ANR,  IP67; -40°C до +60°C; 12V, PoE (IEEE802.3 af), Потребляемая мощность: макс. 4 Вт. 0.33кг  Металлический корпус.</t>
    </r>
  </si>
  <si>
    <t>NVR301-16LX-P8</t>
  </si>
  <si>
    <t>NVR301-16LX-P8-RU</t>
  </si>
  <si>
    <t>Видеорегистратор IP 16-ти канальный с 8 POE портами.  Видеовыходы  HDMI/ VGA,  Двухсторонний аудиовход 1 канал RCA, Аудиовыход  1 канал RCA,   Н.265/Н.264,  Разрешение записи  и просмотра 4K/5MP/4MP/3MP/1080p/960p/720p/D1/2CIF/CIF, Входящий поток 64 Мбит/с , Исходящий поток 64 Мбит/с,  декодирование:  2 x 4k@30, 3 x 5MP@30, 4 x 4MP@30, 5 x 3MP@30,8 x 1080p@30,  удаленных пользователей  256, Одновременный просмотр 8 каналов,  Поддержка P2P, UPnP, NTP, DHCP, PPPoE , ONVIF, 1 SATA  до 10 Tb, RJ-45 10M/100M Ethernet, 1 x USB2.0, 1 x USB3.0, питание 52В/8Вт (блок питания в комплекте) POE - 13.5W на каждый порт. Размеры 270 × 205 × 47 мм, вес 0.7 кг</t>
  </si>
  <si>
    <t>Mic/
Speaker</t>
  </si>
  <si>
    <t>IPC New Naming Rule</t>
    <phoneticPr fontId="37" type="noConversion"/>
  </si>
  <si>
    <t>IPC A1A2A3A4A5-B1-B2-B3</t>
    <phoneticPr fontId="37" type="noConversion"/>
  </si>
  <si>
    <t>IPC2124SS-ADF28KM</t>
    <phoneticPr fontId="37" type="noConversion"/>
  </si>
  <si>
    <t>SS</t>
    <phoneticPr fontId="37" type="noConversion"/>
  </si>
  <si>
    <t>ADF28KM</t>
    <phoneticPr fontId="37" type="noConversion"/>
  </si>
  <si>
    <t>Type</t>
    <phoneticPr fontId="37" type="noConversion"/>
  </si>
  <si>
    <t>Type</t>
  </si>
  <si>
    <t>Default</t>
    <phoneticPr fontId="37" type="noConversion"/>
  </si>
  <si>
    <t>Resolution</t>
    <phoneticPr fontId="37" type="noConversion"/>
  </si>
  <si>
    <t>Series</t>
    <phoneticPr fontId="37" type="noConversion"/>
  </si>
  <si>
    <t xml:space="preserve"> Function</t>
    <phoneticPr fontId="37" type="noConversion"/>
  </si>
  <si>
    <t xml:space="preserve"> Iteration</t>
    <phoneticPr fontId="37" type="noConversion"/>
  </si>
  <si>
    <t>OEM</t>
  </si>
  <si>
    <t>A1</t>
  </si>
  <si>
    <t>A2</t>
  </si>
  <si>
    <t>A3</t>
  </si>
  <si>
    <t>A4</t>
  </si>
  <si>
    <t>A5</t>
  </si>
  <si>
    <t>B1</t>
    <phoneticPr fontId="37" type="noConversion"/>
  </si>
  <si>
    <t>B2</t>
    <phoneticPr fontId="37" type="noConversion"/>
  </si>
  <si>
    <t>B3</t>
    <phoneticPr fontId="37" type="noConversion"/>
  </si>
  <si>
    <t>0：Pinhole/cube</t>
  </si>
  <si>
    <t>Bullet：</t>
    <phoneticPr fontId="37" type="noConversion"/>
  </si>
  <si>
    <t>2:2MP</t>
    <phoneticPr fontId="37" type="noConversion"/>
  </si>
  <si>
    <r>
      <rPr>
        <sz val="11"/>
        <color rgb="FFFF0000"/>
        <rFont val="Calibri"/>
        <family val="2"/>
      </rPr>
      <t>LB</t>
    </r>
    <r>
      <rPr>
        <sz val="11"/>
        <color rgb="FFFF0000"/>
        <rFont val="宋体"/>
        <family val="3"/>
        <charset val="134"/>
      </rPr>
      <t>：</t>
    </r>
    <r>
      <rPr>
        <sz val="11"/>
        <color theme="1"/>
        <rFont val="Calibri"/>
        <family val="2"/>
      </rPr>
      <t>EASY</t>
    </r>
  </si>
  <si>
    <r>
      <rPr>
        <sz val="11"/>
        <color rgb="FFFF0000"/>
        <rFont val="Calibri"/>
        <family val="2"/>
      </rPr>
      <t>H</t>
    </r>
    <r>
      <rPr>
        <sz val="11"/>
        <color rgb="FFFF0000"/>
        <rFont val="宋体"/>
        <family val="3"/>
        <charset val="134"/>
      </rPr>
      <t>：</t>
    </r>
    <r>
      <rPr>
        <sz val="11"/>
        <color theme="1"/>
        <rFont val="Calibri"/>
        <family val="2"/>
      </rPr>
      <t>60fps</t>
    </r>
  </si>
  <si>
    <t>-NB</t>
  </si>
  <si>
    <t xml:space="preserve">1: Module   </t>
    <phoneticPr fontId="37" type="noConversion"/>
  </si>
  <si>
    <r>
      <t>1</t>
    </r>
    <r>
      <rPr>
        <sz val="10"/>
        <color rgb="FF000000"/>
        <rFont val="微软雅黑"/>
        <family val="2"/>
        <charset val="134"/>
      </rPr>
      <t>：21Mini Bullet (fixed)</t>
    </r>
  </si>
  <si>
    <t>3:3MP</t>
    <phoneticPr fontId="37" type="noConversion"/>
  </si>
  <si>
    <r>
      <rPr>
        <sz val="11"/>
        <color rgb="FFFF0000"/>
        <rFont val="Calibri"/>
        <family val="2"/>
      </rPr>
      <t>LE</t>
    </r>
    <r>
      <rPr>
        <sz val="11"/>
        <color rgb="FFFF0000"/>
        <rFont val="宋体"/>
        <family val="3"/>
        <charset val="134"/>
      </rPr>
      <t>：</t>
    </r>
    <r>
      <rPr>
        <sz val="11"/>
        <color theme="1"/>
        <rFont val="Calibri"/>
        <family val="2"/>
      </rPr>
      <t>EASY star</t>
    </r>
  </si>
  <si>
    <r>
      <rPr>
        <sz val="11"/>
        <color rgb="FFFF0000"/>
        <rFont val="Calibri"/>
        <family val="2"/>
      </rPr>
      <t>A</t>
    </r>
    <r>
      <rPr>
        <sz val="11"/>
        <color rgb="FFFF0000"/>
        <rFont val="宋体"/>
        <family val="3"/>
        <charset val="134"/>
      </rPr>
      <t>：</t>
    </r>
    <r>
      <rPr>
        <sz val="11"/>
        <color theme="1"/>
        <rFont val="Calibri"/>
        <family val="2"/>
      </rPr>
      <t xml:space="preserve">Mic         </t>
    </r>
  </si>
  <si>
    <t>C1</t>
    <phoneticPr fontId="37" type="noConversion"/>
  </si>
  <si>
    <t>2: Bullet</t>
  </si>
  <si>
    <r>
      <t>2</t>
    </r>
    <r>
      <rPr>
        <sz val="10"/>
        <color rgb="FF000000"/>
        <rFont val="微软雅黑"/>
        <family val="2"/>
        <charset val="134"/>
      </rPr>
      <t>：22 Bullet（fixed）</t>
    </r>
  </si>
  <si>
    <t>4:4MP</t>
    <phoneticPr fontId="37" type="noConversion"/>
  </si>
  <si>
    <r>
      <rPr>
        <sz val="11"/>
        <color rgb="FFFF0000"/>
        <rFont val="Calibri"/>
        <family val="2"/>
      </rPr>
      <t>SB</t>
    </r>
    <r>
      <rPr>
        <sz val="11"/>
        <color rgb="FFFF0000"/>
        <rFont val="宋体"/>
        <family val="3"/>
        <charset val="134"/>
      </rPr>
      <t>：</t>
    </r>
    <r>
      <rPr>
        <sz val="11"/>
        <color theme="1"/>
        <rFont val="Calibri"/>
        <family val="2"/>
      </rPr>
      <t>PRIME-I</t>
    </r>
  </si>
  <si>
    <r>
      <rPr>
        <sz val="11"/>
        <color rgb="FFFF0000"/>
        <rFont val="Calibri"/>
        <family val="2"/>
      </rPr>
      <t>D:</t>
    </r>
    <r>
      <rPr>
        <sz val="11"/>
        <color theme="1"/>
        <rFont val="Calibri"/>
        <family val="2"/>
      </rPr>
      <t xml:space="preserve"> true WDR       </t>
    </r>
  </si>
  <si>
    <t>D1</t>
    <phoneticPr fontId="37" type="noConversion"/>
  </si>
  <si>
    <t xml:space="preserve">3: Dome </t>
  </si>
  <si>
    <r>
      <t>3</t>
    </r>
    <r>
      <rPr>
        <sz val="10"/>
        <color rgb="FF000000"/>
        <rFont val="微软雅黑"/>
        <family val="2"/>
        <charset val="134"/>
      </rPr>
      <t>：23 Bullet（Motorized）</t>
    </r>
  </si>
  <si>
    <t>5:5MP</t>
    <phoneticPr fontId="37" type="noConversion"/>
  </si>
  <si>
    <r>
      <rPr>
        <sz val="11"/>
        <color rgb="FFFF0000"/>
        <rFont val="Calibri"/>
        <family val="2"/>
      </rPr>
      <t>SS</t>
    </r>
    <r>
      <rPr>
        <sz val="11"/>
        <color rgb="FFFF0000"/>
        <rFont val="宋体"/>
        <family val="3"/>
        <charset val="134"/>
      </rPr>
      <t>：</t>
    </r>
    <r>
      <rPr>
        <sz val="11"/>
        <color theme="1"/>
        <rFont val="Calibri"/>
        <family val="2"/>
      </rPr>
      <t>PRIME-II</t>
    </r>
  </si>
  <si>
    <r>
      <rPr>
        <sz val="11"/>
        <color rgb="FFFF0000"/>
        <rFont val="Calibri"/>
        <family val="2"/>
      </rPr>
      <t>X</t>
    </r>
    <r>
      <rPr>
        <sz val="11"/>
        <color rgb="FFFF0000"/>
        <rFont val="宋体"/>
        <family val="3"/>
        <charset val="134"/>
      </rPr>
      <t>？：</t>
    </r>
    <r>
      <rPr>
        <sz val="11"/>
        <color theme="1"/>
        <rFont val="Calibri"/>
        <family val="2"/>
      </rPr>
      <t>Optical Zoom</t>
    </r>
  </si>
  <si>
    <t>4: N/A</t>
    <phoneticPr fontId="37" type="noConversion"/>
  </si>
  <si>
    <r>
      <t>5</t>
    </r>
    <r>
      <rPr>
        <sz val="10"/>
        <color rgb="FF000000"/>
        <rFont val="微软雅黑"/>
        <family val="2"/>
        <charset val="134"/>
      </rPr>
      <t xml:space="preserve">：25 Bullet（8”） </t>
    </r>
  </si>
  <si>
    <t>6:6MP</t>
    <phoneticPr fontId="37" type="noConversion"/>
  </si>
  <si>
    <r>
      <rPr>
        <sz val="11"/>
        <color rgb="FFFF0000"/>
        <rFont val="Calibri"/>
        <family val="2"/>
      </rPr>
      <t>SE</t>
    </r>
    <r>
      <rPr>
        <sz val="11"/>
        <color rgb="FFFF0000"/>
        <rFont val="宋体"/>
        <family val="3"/>
        <charset val="134"/>
      </rPr>
      <t>：</t>
    </r>
    <r>
      <rPr>
        <sz val="11"/>
        <color theme="1"/>
        <rFont val="Calibri"/>
        <family val="2"/>
      </rPr>
      <t>PRIME-III</t>
    </r>
  </si>
  <si>
    <r>
      <rPr>
        <sz val="11"/>
        <color rgb="FFFF0000"/>
        <rFont val="Calibri"/>
        <family val="2"/>
      </rPr>
      <t>S/E</t>
    </r>
    <r>
      <rPr>
        <sz val="11"/>
        <color rgb="FFFF0000"/>
        <rFont val="宋体"/>
        <family val="3"/>
        <charset val="134"/>
      </rPr>
      <t>：</t>
    </r>
    <r>
      <rPr>
        <sz val="11"/>
        <color theme="1"/>
        <rFont val="Calibri"/>
        <family val="2"/>
      </rPr>
      <t xml:space="preserve">Simplified/Full cable  </t>
    </r>
  </si>
  <si>
    <t xml:space="preserve">5: Box   </t>
  </si>
  <si>
    <r>
      <t>6</t>
    </r>
    <r>
      <rPr>
        <sz val="10"/>
        <color rgb="FF000000"/>
        <rFont val="微软雅黑"/>
        <family val="2"/>
        <charset val="134"/>
      </rPr>
      <t>：26 Bullet（6”）</t>
    </r>
  </si>
  <si>
    <t>8:8MP</t>
    <phoneticPr fontId="37" type="noConversion"/>
  </si>
  <si>
    <r>
      <rPr>
        <sz val="11"/>
        <color rgb="FFFF0000"/>
        <rFont val="Calibri"/>
        <family val="2"/>
      </rPr>
      <t>SA</t>
    </r>
    <r>
      <rPr>
        <sz val="11"/>
        <color rgb="FFFF0000"/>
        <rFont val="宋体"/>
        <family val="3"/>
        <charset val="134"/>
      </rPr>
      <t>：</t>
    </r>
    <r>
      <rPr>
        <sz val="11"/>
        <color theme="1"/>
        <rFont val="Calibri"/>
        <family val="2"/>
      </rPr>
      <t>PRIME-IV</t>
    </r>
  </si>
  <si>
    <r>
      <rPr>
        <sz val="11"/>
        <color rgb="FFFF0000"/>
        <rFont val="Calibri"/>
        <family val="2"/>
      </rPr>
      <t>B</t>
    </r>
    <r>
      <rPr>
        <sz val="11"/>
        <color rgb="FFFF0000"/>
        <rFont val="宋体"/>
        <family val="3"/>
        <charset val="134"/>
      </rPr>
      <t>：</t>
    </r>
    <r>
      <rPr>
        <sz val="11"/>
        <color theme="1"/>
        <rFont val="Calibri"/>
        <family val="2"/>
      </rPr>
      <t xml:space="preserve">Not PoE         </t>
    </r>
  </si>
  <si>
    <t>6: PTZ Dome</t>
  </si>
  <si>
    <t>Dome：</t>
  </si>
  <si>
    <r>
      <rPr>
        <sz val="11"/>
        <color rgb="FFFF0000"/>
        <rFont val="Calibri"/>
        <family val="2"/>
      </rPr>
      <t>EA</t>
    </r>
    <r>
      <rPr>
        <sz val="11"/>
        <color rgb="FFFF0000"/>
        <rFont val="宋体"/>
        <family val="3"/>
        <charset val="134"/>
      </rPr>
      <t>：</t>
    </r>
    <r>
      <rPr>
        <sz val="11"/>
        <color theme="1"/>
        <rFont val="Calibri"/>
        <family val="2"/>
      </rPr>
      <t>PRO AlphaView</t>
    </r>
  </si>
  <si>
    <r>
      <rPr>
        <sz val="11"/>
        <color rgb="FFFF0000"/>
        <rFont val="Calibri"/>
        <family val="2"/>
      </rPr>
      <t>F</t>
    </r>
    <r>
      <rPr>
        <sz val="11"/>
        <color rgb="FFFF0000"/>
        <rFont val="宋体"/>
        <family val="3"/>
        <charset val="134"/>
      </rPr>
      <t>？：</t>
    </r>
    <r>
      <rPr>
        <sz val="11"/>
        <color rgb="FFFF0000"/>
        <rFont val="Calibri"/>
        <family val="2"/>
      </rPr>
      <t xml:space="preserve"> </t>
    </r>
    <r>
      <rPr>
        <sz val="11"/>
        <color theme="1"/>
        <rFont val="Calibri"/>
        <family val="2"/>
      </rPr>
      <t>Fixed lens</t>
    </r>
  </si>
  <si>
    <t>7: PTZ Positioner</t>
  </si>
  <si>
    <r>
      <t>1</t>
    </r>
    <r>
      <rPr>
        <sz val="10"/>
        <color rgb="FF000000"/>
        <rFont val="微软雅黑"/>
        <family val="2"/>
        <charset val="134"/>
      </rPr>
      <t>：31 Mini Dome</t>
    </r>
  </si>
  <si>
    <r>
      <rPr>
        <sz val="11"/>
        <color rgb="FFFF0000"/>
        <rFont val="Calibri"/>
        <family val="2"/>
      </rPr>
      <t>Z</t>
    </r>
    <r>
      <rPr>
        <sz val="11"/>
        <color rgb="FFFF0000"/>
        <rFont val="宋体"/>
        <family val="3"/>
        <charset val="134"/>
      </rPr>
      <t>：</t>
    </r>
    <r>
      <rPr>
        <sz val="11"/>
        <color theme="1"/>
        <rFont val="Calibri"/>
        <family val="2"/>
      </rPr>
      <t>Motorized</t>
    </r>
  </si>
  <si>
    <t>8: Panoramic</t>
  </si>
  <si>
    <r>
      <t>2</t>
    </r>
    <r>
      <rPr>
        <sz val="10"/>
        <color rgb="FF000000"/>
        <rFont val="微软雅黑"/>
        <family val="2"/>
        <charset val="134"/>
      </rPr>
      <t>：32 Dome</t>
    </r>
  </si>
  <si>
    <r>
      <rPr>
        <sz val="11"/>
        <color rgb="FFFF0000"/>
        <rFont val="Calibri"/>
        <family val="2"/>
      </rPr>
      <t>W</t>
    </r>
    <r>
      <rPr>
        <sz val="11"/>
        <color rgb="FFFF0000"/>
        <rFont val="宋体"/>
        <family val="3"/>
        <charset val="134"/>
      </rPr>
      <t>：</t>
    </r>
    <r>
      <rPr>
        <sz val="11"/>
        <color theme="1"/>
        <rFont val="Calibri"/>
        <family val="2"/>
      </rPr>
      <t xml:space="preserve">wifi  </t>
    </r>
  </si>
  <si>
    <r>
      <t>6</t>
    </r>
    <r>
      <rPr>
        <sz val="10"/>
        <color rgb="FF000000"/>
        <rFont val="微软雅黑"/>
        <family val="2"/>
        <charset val="134"/>
      </rPr>
      <t>：36 Turret Dome</t>
    </r>
  </si>
  <si>
    <r>
      <rPr>
        <sz val="11"/>
        <color rgb="FFFF0000"/>
        <rFont val="Calibri"/>
        <family val="2"/>
      </rPr>
      <t>G</t>
    </r>
    <r>
      <rPr>
        <sz val="11"/>
        <color rgb="FFFF0000"/>
        <rFont val="宋体"/>
        <family val="3"/>
        <charset val="134"/>
      </rPr>
      <t>：</t>
    </r>
    <r>
      <rPr>
        <sz val="11"/>
        <color theme="1"/>
        <rFont val="Calibri"/>
        <family val="2"/>
      </rPr>
      <t xml:space="preserve">SFP slot(fiber)          </t>
    </r>
  </si>
  <si>
    <t>Box：</t>
  </si>
  <si>
    <r>
      <rPr>
        <sz val="11"/>
        <color rgb="FFFF0000"/>
        <rFont val="Calibri"/>
        <family val="2"/>
      </rPr>
      <t>M</t>
    </r>
    <r>
      <rPr>
        <sz val="11"/>
        <color rgb="FFFF0000"/>
        <rFont val="宋体"/>
        <family val="3"/>
        <charset val="134"/>
      </rPr>
      <t>：</t>
    </r>
    <r>
      <rPr>
        <sz val="11"/>
        <color theme="1"/>
        <rFont val="Calibri"/>
        <family val="2"/>
      </rPr>
      <t xml:space="preserve">Metal      </t>
    </r>
  </si>
  <si>
    <r>
      <t>4</t>
    </r>
    <r>
      <rPr>
        <sz val="10"/>
        <color rgb="FF000000"/>
        <rFont val="微软雅黑"/>
        <family val="2"/>
        <charset val="134"/>
      </rPr>
      <t>：54 Box，</t>
    </r>
    <r>
      <rPr>
        <sz val="10"/>
        <color rgb="FFFF0000"/>
        <rFont val="微软雅黑"/>
        <family val="2"/>
        <charset val="134"/>
      </rPr>
      <t>6</t>
    </r>
    <r>
      <rPr>
        <sz val="10"/>
        <color rgb="FF000000"/>
        <rFont val="微软雅黑"/>
        <family val="2"/>
        <charset val="134"/>
      </rPr>
      <t>：56 Box</t>
    </r>
  </si>
  <si>
    <r>
      <rPr>
        <sz val="11"/>
        <color rgb="FFFF0000"/>
        <rFont val="Calibri"/>
        <family val="2"/>
      </rPr>
      <t xml:space="preserve">K: </t>
    </r>
    <r>
      <rPr>
        <sz val="11"/>
        <color theme="1"/>
        <rFont val="Calibri"/>
        <family val="2"/>
      </rPr>
      <t>SD card</t>
    </r>
  </si>
  <si>
    <t>PTZ Dome：</t>
  </si>
  <si>
    <r>
      <t>2：</t>
    </r>
    <r>
      <rPr>
        <sz val="10"/>
        <color rgb="FF000000"/>
        <rFont val="微软雅黑"/>
        <family val="2"/>
        <charset val="134"/>
      </rPr>
      <t>65PTZ Dome（G2）</t>
    </r>
  </si>
  <si>
    <r>
      <t>3：</t>
    </r>
    <r>
      <rPr>
        <sz val="10"/>
        <color rgb="FF000000"/>
        <rFont val="微软雅黑"/>
        <family val="2"/>
        <charset val="134"/>
      </rPr>
      <t>63PTZ Dome（G3）</t>
    </r>
  </si>
  <si>
    <r>
      <t>8：</t>
    </r>
    <r>
      <rPr>
        <sz val="10"/>
        <color rgb="FF000000"/>
        <rFont val="微软雅黑"/>
        <family val="2"/>
        <charset val="134"/>
      </rPr>
      <t>68PTZ Dome(8”)</t>
    </r>
  </si>
  <si>
    <t>PTZ Positioner：</t>
  </si>
  <si>
    <r>
      <t>4：</t>
    </r>
    <r>
      <rPr>
        <sz val="10"/>
        <color rgb="FF000000"/>
        <rFont val="微软雅黑"/>
        <family val="2"/>
        <charset val="134"/>
      </rPr>
      <t>74 PTZ Bullet</t>
    </r>
  </si>
  <si>
    <t>Panoramic：</t>
  </si>
  <si>
    <r>
      <t>1：</t>
    </r>
    <r>
      <rPr>
        <sz val="10"/>
        <color rgb="FF000000"/>
        <rFont val="微软雅黑"/>
        <family val="2"/>
        <charset val="134"/>
      </rPr>
      <t>81 Fisheye</t>
    </r>
  </si>
  <si>
    <r>
      <t>6：</t>
    </r>
    <r>
      <rPr>
        <sz val="10"/>
        <color rgb="FF000000"/>
        <rFont val="微软雅黑"/>
        <family val="2"/>
        <charset val="134"/>
      </rPr>
      <t>86 Fisheye</t>
    </r>
  </si>
  <si>
    <t>IPC Old Naming Rule</t>
    <phoneticPr fontId="37" type="noConversion"/>
  </si>
  <si>
    <t>0: Miniaturized camera (Pinhole/Card)</t>
    <phoneticPr fontId="37" type="noConversion"/>
  </si>
  <si>
    <t>1: Entry level</t>
    <phoneticPr fontId="37" type="noConversion"/>
  </si>
  <si>
    <t>L: Lite</t>
    <phoneticPr fontId="37" type="noConversion"/>
  </si>
  <si>
    <t>I: Indoor</t>
    <phoneticPr fontId="37" type="noConversion"/>
  </si>
  <si>
    <t>1: Module (Zoom camera)</t>
    <phoneticPr fontId="37" type="noConversion"/>
  </si>
  <si>
    <t>2: 2MP</t>
    <phoneticPr fontId="37" type="noConversion"/>
  </si>
  <si>
    <t>S: Standard</t>
    <phoneticPr fontId="37" type="noConversion"/>
  </si>
  <si>
    <t>B: Bracket</t>
    <phoneticPr fontId="37" type="noConversion"/>
  </si>
  <si>
    <t>X?: ?x Optical Zoom</t>
    <phoneticPr fontId="37" type="noConversion"/>
  </si>
  <si>
    <t>2: G1 Bullet</t>
    <phoneticPr fontId="37" type="noConversion"/>
  </si>
  <si>
    <t>4: Mid to high</t>
    <phoneticPr fontId="37" type="noConversion"/>
  </si>
  <si>
    <t>E: Enhanced</t>
    <phoneticPr fontId="37" type="noConversion"/>
  </si>
  <si>
    <t>K: Parking space detection</t>
    <phoneticPr fontId="37" type="noConversion"/>
  </si>
  <si>
    <t>D: Optical WDR</t>
    <phoneticPr fontId="37" type="noConversion"/>
  </si>
  <si>
    <t xml:space="preserve">  22: G2 Fixed lens Bullet</t>
    <phoneticPr fontId="37" type="noConversion"/>
  </si>
  <si>
    <t>4: 4MP</t>
    <phoneticPr fontId="37" type="noConversion"/>
  </si>
  <si>
    <t>WH: White light</t>
    <phoneticPr fontId="37" type="noConversion"/>
  </si>
  <si>
    <t>L: Low-light</t>
    <phoneticPr fontId="37" type="noConversion"/>
  </si>
  <si>
    <t xml:space="preserve">  23: G2 Varifocal Bullet</t>
    <phoneticPr fontId="37" type="noConversion"/>
  </si>
  <si>
    <t>5: 5MP</t>
    <phoneticPr fontId="37" type="noConversion"/>
  </si>
  <si>
    <t>FW: Full spectrum fill light</t>
    <phoneticPr fontId="37" type="noConversion"/>
  </si>
  <si>
    <t>H: 60fps</t>
    <phoneticPr fontId="37" type="noConversion"/>
  </si>
  <si>
    <t xml:space="preserve">  25: G2 8inch Bullet</t>
    <phoneticPr fontId="37" type="noConversion"/>
  </si>
  <si>
    <t>6: 6MP</t>
    <phoneticPr fontId="37" type="noConversion"/>
  </si>
  <si>
    <t xml:space="preserve">R: IR </t>
    <phoneticPr fontId="37" type="noConversion"/>
  </si>
  <si>
    <t>A: Built-in Audio</t>
    <phoneticPr fontId="37" type="noConversion"/>
  </si>
  <si>
    <t xml:space="preserve">  26: G2 6inch Bullet</t>
    <phoneticPr fontId="37" type="noConversion"/>
  </si>
  <si>
    <t>8: 8MP</t>
    <phoneticPr fontId="37" type="noConversion"/>
  </si>
  <si>
    <t>R1: 10-20m IR</t>
    <phoneticPr fontId="37" type="noConversion"/>
  </si>
  <si>
    <t>U: Ultra Low-light</t>
    <phoneticPr fontId="37" type="noConversion"/>
  </si>
  <si>
    <t xml:space="preserve">  2A/2C: G3 Bullet</t>
    <phoneticPr fontId="37" type="noConversion"/>
  </si>
  <si>
    <t>C: 12MP</t>
    <phoneticPr fontId="37" type="noConversion"/>
  </si>
  <si>
    <t>R3: 30-40m IR</t>
    <phoneticPr fontId="37" type="noConversion"/>
  </si>
  <si>
    <t>IA: Intelligent Analysis</t>
    <phoneticPr fontId="37" type="noConversion"/>
  </si>
  <si>
    <t>3: G1 Dome</t>
    <phoneticPr fontId="37" type="noConversion"/>
  </si>
  <si>
    <t>R5: 50-60m IR</t>
    <phoneticPr fontId="37" type="noConversion"/>
  </si>
  <si>
    <t>CM: Corridor Mode</t>
    <phoneticPr fontId="37" type="noConversion"/>
  </si>
  <si>
    <t xml:space="preserve">  31: Mini Dome</t>
    <phoneticPr fontId="37" type="noConversion"/>
  </si>
  <si>
    <t>R6: 60m IR</t>
    <phoneticPr fontId="37" type="noConversion"/>
  </si>
  <si>
    <t xml:space="preserve">  32: G2 Fixed lens Dome</t>
    <phoneticPr fontId="37" type="noConversion"/>
  </si>
  <si>
    <t>R9: 90m IR</t>
    <phoneticPr fontId="37" type="noConversion"/>
  </si>
  <si>
    <t xml:space="preserve">  323: G2 Varifocal Dome</t>
    <phoneticPr fontId="37" type="noConversion"/>
  </si>
  <si>
    <t>RA: more than 100m IR</t>
    <phoneticPr fontId="37" type="noConversion"/>
  </si>
  <si>
    <t>V: Vandal-resistent</t>
    <phoneticPr fontId="37" type="noConversion"/>
  </si>
  <si>
    <t xml:space="preserve">  35: G3 Fixed lens Dome</t>
    <phoneticPr fontId="37" type="noConversion"/>
  </si>
  <si>
    <t>L: IR LASER</t>
    <phoneticPr fontId="37" type="noConversion"/>
  </si>
  <si>
    <t>S: Simplified cable</t>
    <phoneticPr fontId="37" type="noConversion"/>
  </si>
  <si>
    <t xml:space="preserve">  353: G3 Varifocal Dome</t>
    <phoneticPr fontId="37" type="noConversion"/>
  </si>
  <si>
    <t>P: PoE</t>
    <phoneticPr fontId="37" type="noConversion"/>
  </si>
  <si>
    <t xml:space="preserve">  363: Varifocal Turret Dome</t>
    <phoneticPr fontId="37" type="noConversion"/>
  </si>
  <si>
    <t>E: Full cable</t>
    <phoneticPr fontId="37" type="noConversion"/>
  </si>
  <si>
    <t>5: Box Camera</t>
    <phoneticPr fontId="37" type="noConversion"/>
  </si>
  <si>
    <t xml:space="preserve">M: Metal </t>
    <phoneticPr fontId="37" type="noConversion"/>
  </si>
  <si>
    <t xml:space="preserve">  54: Box Camera</t>
    <phoneticPr fontId="37" type="noConversion"/>
  </si>
  <si>
    <t xml:space="preserve">  55: Box Camera</t>
    <phoneticPr fontId="37" type="noConversion"/>
  </si>
  <si>
    <t>6: G1 PTZ Dome</t>
    <phoneticPr fontId="37" type="noConversion"/>
  </si>
  <si>
    <t>F?: ?/10mm Fixed lens</t>
    <phoneticPr fontId="37" type="noConversion"/>
  </si>
  <si>
    <t xml:space="preserve">  62: G2 PTZ Dome</t>
    <phoneticPr fontId="37" type="noConversion"/>
  </si>
  <si>
    <t>Z?: ?/10mm Motorized lens</t>
    <phoneticPr fontId="37" type="noConversion"/>
  </si>
  <si>
    <t xml:space="preserve">  63: 6inch Dome</t>
    <phoneticPr fontId="37" type="noConversion"/>
  </si>
  <si>
    <t>Z: Motorized lens</t>
    <phoneticPr fontId="37" type="noConversion"/>
  </si>
  <si>
    <t xml:space="preserve">  64: Mini PTZ Dome</t>
    <phoneticPr fontId="37" type="noConversion"/>
  </si>
  <si>
    <t xml:space="preserve">  68: G2 8inch Dome</t>
    <phoneticPr fontId="37" type="noConversion"/>
  </si>
  <si>
    <t>7: PTZ Camera</t>
    <phoneticPr fontId="37" type="noConversion"/>
  </si>
  <si>
    <t>W: WiFi</t>
    <phoneticPr fontId="37" type="noConversion"/>
  </si>
  <si>
    <t xml:space="preserve">  74: PTZ Camera</t>
    <phoneticPr fontId="37" type="noConversion"/>
  </si>
  <si>
    <t>G: SFP slot (fiber)</t>
    <phoneticPr fontId="37" type="noConversion"/>
  </si>
  <si>
    <t>Default/T: Electric port/Dual electrical port</t>
    <phoneticPr fontId="37" type="noConversion"/>
  </si>
  <si>
    <t xml:space="preserve">  81: Mini Fisheye Camera</t>
    <phoneticPr fontId="37" type="noConversion"/>
  </si>
  <si>
    <t xml:space="preserve">  82: Fisheye Camera</t>
    <phoneticPr fontId="37" type="noConversion"/>
  </si>
  <si>
    <t>Storage:</t>
    <phoneticPr fontId="37" type="noConversion"/>
  </si>
  <si>
    <t>G?/T?/K: EMMC storage capacity (G16: 16G/T1: 1T/K: SD card slot)</t>
    <phoneticPr fontId="37" type="noConversion"/>
  </si>
  <si>
    <t>NVR Naming Rule</t>
    <phoneticPr fontId="37" type="noConversion"/>
  </si>
  <si>
    <t xml:space="preserve">Product </t>
  </si>
  <si>
    <t>OLD</t>
  </si>
  <si>
    <t>снимается с производства</t>
  </si>
  <si>
    <t>PWR-DC1201-EU</t>
  </si>
  <si>
    <t>Блоки питания и POE инжекторы</t>
  </si>
  <si>
    <t>Инжектор POE, Non-Brand 60W PSE, NPUT AC 100-240V~ 50/60Hz 2AMax, OUTPUT DC 56V/1.1A (+2%,-4%), 473g(1.04lb), Dimension(LxWxH): 183mmx70.8mmx37mm(7.20”x2.79”x1.46”)</t>
  </si>
  <si>
    <t>IPC2122SR3-PF40-C-RU</t>
  </si>
  <si>
    <t>IPC2122SR3-APF40-C-RU</t>
  </si>
  <si>
    <t>IPC2122SR3-UPF40-C-RU</t>
  </si>
  <si>
    <t>IPC2124SR3-APF40-RU</t>
  </si>
  <si>
    <t>IPC2124SR3-ADPF28M-F-RU</t>
  </si>
  <si>
    <t>IPC2124SR3-ADPF40M-F-RU</t>
  </si>
  <si>
    <t>IPC2125SR3-ADUPF40-RU</t>
  </si>
  <si>
    <t>IPC2125SR3-ADPF28M-F-RU</t>
  </si>
  <si>
    <t>IPC2125SR3-ADPF40M-F-RU</t>
  </si>
  <si>
    <t>IPC322SR3-DVPF28-C-RU</t>
  </si>
  <si>
    <t>IPC322SR3-DVPF40-C-RU</t>
  </si>
  <si>
    <t>IPC322ER3-DUVPF28-C-RU</t>
  </si>
  <si>
    <t>IPC322ER3-DUVPF40-C-RU</t>
  </si>
  <si>
    <t>IPC324ER3-DVPF28-RU</t>
  </si>
  <si>
    <t>IPC324ER3-DVPF36-RU</t>
  </si>
  <si>
    <t>IPC324SR3-DVPF28-F-RU</t>
  </si>
  <si>
    <t>IPC324SR3-DVPF40-F-RU</t>
  </si>
  <si>
    <t>IPC325SR3-DVPF28-F-RU</t>
  </si>
  <si>
    <t>IPC325SR3-DVPF40-F-RU</t>
  </si>
  <si>
    <t>IPC325ER3-DUVPF28-RU</t>
  </si>
  <si>
    <t>IPC312SR-VPF28-C-RU</t>
  </si>
  <si>
    <t>IPC312SR-VPF40-C-RU</t>
  </si>
  <si>
    <t>IPC314SR-DVPF28-RU</t>
  </si>
  <si>
    <t>IPC314SR-DVPF36-RU</t>
  </si>
  <si>
    <t>IPC3614SR3-ADPF28-F-RU</t>
  </si>
  <si>
    <t>IPC3614SR3-ADPF40-F-RU</t>
  </si>
  <si>
    <t>IPC3615SR3-ADPF28-F-RU</t>
  </si>
  <si>
    <t>IPC3615SR3-ADPF40-F-RU</t>
  </si>
  <si>
    <t>IPC2322EBR5-DUPZ-C-RU</t>
  </si>
  <si>
    <t>IPC2322EBR5-P-C-RU</t>
  </si>
  <si>
    <t>IPC2322EBR5-DPZ28-C-RU</t>
  </si>
  <si>
    <t>IPC2324EBR-DPZ28-RU</t>
  </si>
  <si>
    <t>IPC2324SBR5-DPZ-F-RU</t>
  </si>
  <si>
    <t>IPC2325SBR5-DPZ-F-RU</t>
  </si>
  <si>
    <t>IPC2325EBR5-DUPZ-RU</t>
  </si>
  <si>
    <t>IPC3232ER3-DUVZ-C-RU</t>
  </si>
  <si>
    <t>IPC3235ER3-DUVZ-RU</t>
  </si>
  <si>
    <t>IPC3632ER3-DUPZ-C-RU</t>
  </si>
  <si>
    <t>IPC3635ER3-DUPZ-RU</t>
  </si>
  <si>
    <t>IPC3232ER-VS-C-RU</t>
  </si>
  <si>
    <t>IPC3232ER3-DVZ28-C-RU</t>
  </si>
  <si>
    <t>IPC3234SR-DV-RU</t>
  </si>
  <si>
    <t>IPC3234SR3-DVZ28-RU</t>
  </si>
  <si>
    <t>IPC3534SR3-DVPZ-F-RU</t>
  </si>
  <si>
    <t>IPC3535SR3-DVPZ-F-RU</t>
  </si>
  <si>
    <t>IPC3632ER3-DPZ28-C-RU</t>
  </si>
  <si>
    <t>IPC3634ER3-DPZ28-RU</t>
  </si>
  <si>
    <t>IPC3634SR3-ADPZ-F-RU</t>
  </si>
  <si>
    <t>IPC3635SR3-ADPZ-F-RU</t>
  </si>
  <si>
    <t>IPC6415SR-X5UPW-RU</t>
  </si>
  <si>
    <t>IPC6222ER-X20P-B-RU</t>
  </si>
  <si>
    <t>IPC542E-DLC-C-RU</t>
  </si>
  <si>
    <t>IPC815SR-DVSPF14-RU</t>
  </si>
  <si>
    <t>IPC815SR-DVPF14-RU</t>
  </si>
  <si>
    <t>NVR302-08E-P8-B-RU</t>
  </si>
  <si>
    <t>NVR302-09E-B-RU</t>
  </si>
  <si>
    <t>NVR302-16E-P16-B-RU</t>
  </si>
  <si>
    <t>NVR302-16E-B-RU</t>
  </si>
  <si>
    <t>NVR304-16E-B-RU</t>
  </si>
  <si>
    <t>NVR304-32E-B-RU</t>
  </si>
  <si>
    <t>NVR304-32EP-B-RU</t>
  </si>
  <si>
    <t>NVR308-64E-B-RU</t>
  </si>
  <si>
    <t>снят с производства</t>
  </si>
  <si>
    <t>замена - Новая модель: ADU8712-E</t>
  </si>
  <si>
    <t>ADU8712-E</t>
  </si>
  <si>
    <t>ADU8706-E</t>
  </si>
  <si>
    <t>ADU8709-E</t>
  </si>
  <si>
    <t>6-ch High Definition Video Decoder</t>
    <phoneticPr fontId="4" type="noConversion"/>
  </si>
  <si>
    <t>RJ45
2-ch HDMI
2-ch DVI</t>
    <phoneticPr fontId="4" type="noConversion"/>
  </si>
  <si>
    <t>6-ch HDMI</t>
    <phoneticPr fontId="4" type="noConversion"/>
  </si>
  <si>
    <t>8*1200W@20/8*4K@30/32*1080P@30/72*720P@30</t>
    <phoneticPr fontId="4" type="noConversion"/>
  </si>
  <si>
    <t>H.265, H.264, MPEG4</t>
    <phoneticPr fontId="4" type="noConversion"/>
  </si>
  <si>
    <t>440(W)×48(H)×340(D)mm</t>
    <phoneticPr fontId="4" type="noConversion"/>
  </si>
  <si>
    <t>0235C485</t>
    <phoneticPr fontId="4" type="noConversion"/>
  </si>
  <si>
    <t>0235C487</t>
    <phoneticPr fontId="4" type="noConversion"/>
  </si>
  <si>
    <t>9-ch High Definition Video Decoder</t>
    <phoneticPr fontId="4" type="noConversion"/>
  </si>
  <si>
    <t>9-ch HDMI</t>
    <phoneticPr fontId="4" type="noConversion"/>
  </si>
  <si>
    <t>12*1200W@20/12*4K@30/48*1080P@30/108*720P@30</t>
    <phoneticPr fontId="4" type="noConversion"/>
  </si>
  <si>
    <t>0235C484</t>
    <phoneticPr fontId="4" type="noConversion"/>
  </si>
  <si>
    <t>0235C488</t>
    <phoneticPr fontId="4" type="noConversion"/>
  </si>
  <si>
    <t>12-ch HDMI</t>
    <phoneticPr fontId="4" type="noConversion"/>
  </si>
  <si>
    <t>0235C483</t>
    <phoneticPr fontId="4" type="noConversion"/>
  </si>
  <si>
    <t>0235C486</t>
    <phoneticPr fontId="4" type="noConversion"/>
  </si>
  <si>
    <t>6-ch High Definition Video Decoder</t>
  </si>
  <si>
    <t>9-ch High Definition Video Decoder</t>
  </si>
  <si>
    <t>12-ch High Definition Video Decoder</t>
  </si>
  <si>
    <t>DC5504-E</t>
  </si>
  <si>
    <t>1-ch Network Video Decoder</t>
  </si>
  <si>
    <t>4-ch Network Video Decoder</t>
  </si>
  <si>
    <t>6-ch Network Video Decoder</t>
  </si>
  <si>
    <t>(HDMI)3840x2160@60, 3840x2160@30, 1920 x 1080p@60, 1920 x 1080p@50, 1600 x 1200@60, 1440 x 900@60, 1366 x 768@60, 1280 x 1024@60, 1280 x 720@60, 1024 x 720@50, 1024x768@60
(VGA)1920 x 1080p@60, 1920 x 1080p@50, 1600 x 1200@60, 1440 x 900@60, 1366 x 768@60, 1280 x 1024@60, 1280 x 720@60, 1024 x 720@50, 1024x768@60
(CVBS)PAL</t>
  </si>
  <si>
    <t>2x1200W@30, 4x8MP@30, 8x1080P@60, 16x1080P@30</t>
  </si>
  <si>
    <t>NA</t>
  </si>
  <si>
    <t>189(W) × 40(H) × 250(D)mm</t>
  </si>
  <si>
    <t>2.0Kg</t>
  </si>
  <si>
    <t>RJ45
2-ch HDMI</t>
  </si>
  <si>
    <t>4-ch HDMI</t>
  </si>
  <si>
    <t>3840x2160（4K）@30HZ, 1920X1200（WUXGA）@60HZ, 1920X1080（1080P）@60HZ, 1600X1200（UXGA）@60HZ, 1440x900（WXGA+）@60HZ, 1280x1024（SXGA）@60HZ, 1280x720（720P）@60HZ, 1024x768（XGA）@60HZ</t>
  </si>
  <si>
    <t>1/2/3/4/6/7/8/9/16</t>
  </si>
  <si>
    <t>4x800W@30Hz, 16x1080P@30Hz, 36x720P@30 Hz, 64xD1</t>
  </si>
  <si>
    <t>H.265, H.264, MPEG4</t>
  </si>
  <si>
    <t>440(W)×44(H)×339(D)mm</t>
  </si>
  <si>
    <t>3.28Kg</t>
  </si>
  <si>
    <t>6-ch HDMI</t>
  </si>
  <si>
    <t>6x800W@30 Hz, 24x1080P@30 Hz, 54x720P@30 Hz, 96xD1</t>
  </si>
  <si>
    <t>3.30Kg</t>
  </si>
  <si>
    <t>9-ch Network Video Decoder</t>
  </si>
  <si>
    <t>9-ch HDMI</t>
  </si>
  <si>
    <t>9x800W@30 Hz, 36x1080P@30 Hz, 81x720P@30 Hz, 144xD1</t>
  </si>
  <si>
    <t>3.37Kg</t>
  </si>
  <si>
    <r>
      <rPr>
        <b/>
        <sz val="10"/>
        <color rgb="FFFF0000"/>
        <rFont val="Calibri"/>
        <family val="2"/>
      </rPr>
      <t>Starlight</t>
    </r>
    <r>
      <rPr>
        <sz val="10"/>
        <rFont val="Calibri"/>
        <family val="2"/>
      </rPr>
      <t xml:space="preserve"> Видеокамера IP Уличная цилиндрическая </t>
    </r>
    <r>
      <rPr>
        <b/>
        <sz val="10"/>
        <color rgb="FFFF0000"/>
        <rFont val="Calibri"/>
        <family val="2"/>
      </rPr>
      <t>2 Мп</t>
    </r>
    <r>
      <rPr>
        <sz val="10"/>
        <rFont val="Calibri"/>
        <family val="2"/>
      </rPr>
      <t xml:space="preserve"> с ИК подсветкой до </t>
    </r>
    <r>
      <rPr>
        <b/>
        <sz val="10"/>
        <color rgb="FFFF0000"/>
        <rFont val="Calibri"/>
        <family val="2"/>
      </rPr>
      <t>50м</t>
    </r>
    <r>
      <rPr>
        <b/>
        <sz val="10"/>
        <rFont val="Calibri"/>
        <family val="2"/>
      </rPr>
      <t>,</t>
    </r>
    <r>
      <rPr>
        <sz val="10"/>
        <rFont val="Calibri"/>
        <family val="2"/>
      </rPr>
      <t xml:space="preserve"> фикс. объектив 2.8/4.0мм 1/2.7" CMOS,  угол обзора 112.7°/86.5°, ICR, 2Мп (1920x1080):30к/с, два видеопотока, DWDR, Ultra 265/H.264/MJPEG, ICR, </t>
    </r>
    <r>
      <rPr>
        <b/>
        <sz val="10"/>
        <color rgb="FFFF0000"/>
        <rFont val="Calibri"/>
        <family val="2"/>
      </rPr>
      <t>0.005Lux</t>
    </r>
    <r>
      <rPr>
        <sz val="10"/>
        <rFont val="Calibri"/>
        <family val="2"/>
      </rPr>
      <t xml:space="preserve"> минимальная освещенность, IP67; -40°C до +60°C; 12V, PoE (IEEE802.3 af), 2KV, Потребляемая мощность: макс. 6 Вт. 0.5кг  Металлический корпус. Детекция движения - до 4 областей, OSD до 4 обл., приватность - до 4 обл., ROI -  до 4 обл.</t>
    </r>
  </si>
  <si>
    <t>Снята с производства - замена IPC6322SR-X22P-D-RU</t>
  </si>
  <si>
    <t>IPC324SS-DF28K</t>
  </si>
  <si>
    <t>IPC324SS-DF40K</t>
  </si>
  <si>
    <t>IPC324SS-DF28K-RU</t>
  </si>
  <si>
    <t>IPC324SS-DF40K-RU</t>
  </si>
  <si>
    <t>EasyColor</t>
  </si>
  <si>
    <t>IPC2C22LE-SF40-WL</t>
  </si>
  <si>
    <t>IPC2C22LE-SF60-WL</t>
  </si>
  <si>
    <t>IPC2C22LE-SF40-WL-RU</t>
  </si>
  <si>
    <t>IPC2C22LE-SF60-WL-RU</t>
  </si>
  <si>
    <t>IPC2A23LB-F40K</t>
  </si>
  <si>
    <t>IPC2A23LB-F60K</t>
  </si>
  <si>
    <t>IPC2A23LB-F40K-RU</t>
  </si>
  <si>
    <t>IPC2A23LB-F60K-RU</t>
  </si>
  <si>
    <r>
      <t>Видеокамера IP Уличная цилиндрическая</t>
    </r>
    <r>
      <rPr>
        <b/>
        <sz val="10"/>
        <color rgb="FFFF0000"/>
        <rFont val="Calibri"/>
        <family val="2"/>
      </rPr>
      <t xml:space="preserve"> 3 Мп с интелектуальной ИК подсветкой до 60м</t>
    </r>
    <r>
      <rPr>
        <sz val="10"/>
        <rFont val="Calibri"/>
        <family val="2"/>
      </rPr>
      <t xml:space="preserve">, фикс. объектив 4.0/6.0 мм 1/2.7" CMOS,  угол обзора 86.9°/ 55.4°, ICR, 3MP (2304*1296), Max 20fps; 2MP(1920*1080),Max 30fps, два видеопотока, DWDR, Ultra 265/H.264/MJPEG, ICR, </t>
    </r>
    <r>
      <rPr>
        <b/>
        <sz val="10"/>
        <color rgb="FFFF0000"/>
        <rFont val="Calibri"/>
        <family val="2"/>
      </rPr>
      <t>Micro SD до 128 GB</t>
    </r>
    <r>
      <rPr>
        <sz val="10"/>
        <rFont val="Calibri"/>
        <family val="2"/>
      </rPr>
      <t xml:space="preserve">, </t>
    </r>
    <r>
      <rPr>
        <b/>
        <sz val="10"/>
        <color rgb="FFFF0000"/>
        <rFont val="Calibri"/>
        <family val="2"/>
      </rPr>
      <t xml:space="preserve">тревожные вход/выход 1/1, Audio вход/выход 1/1, </t>
    </r>
    <r>
      <rPr>
        <sz val="10"/>
        <rFont val="Calibri"/>
        <family val="2"/>
      </rPr>
      <t>минимальная освещенность - цветное: 0.01Lux ( F2.0, AGC ON) 0Lux с ИК, IP67; -40°C до +60°C; 12V, PoE (IEEE802.3 af), 2KV, Потребляемая мощность: макс. 6 Вт. 0.45кг. Кронштей не входит в комплект. Детекция движения - до 4 областей, OSD до 4 обл., приватность - до 4 обл., ROI -  до 8 обл.</t>
    </r>
  </si>
  <si>
    <r>
      <t xml:space="preserve">Видеокамера IP Уличная цилиндрическая </t>
    </r>
    <r>
      <rPr>
        <b/>
        <sz val="10"/>
        <color rgb="FFFF0000"/>
        <rFont val="Calibri"/>
        <family val="2"/>
      </rPr>
      <t>2 Мп</t>
    </r>
    <r>
      <rPr>
        <sz val="10"/>
        <rFont val="Calibri"/>
        <family val="2"/>
      </rPr>
      <t xml:space="preserve"> с </t>
    </r>
    <r>
      <rPr>
        <b/>
        <sz val="10"/>
        <color rgb="FFFF0000"/>
        <rFont val="Calibri"/>
        <family val="2"/>
      </rPr>
      <t>LED подсветкой</t>
    </r>
    <r>
      <rPr>
        <sz val="10"/>
        <rFont val="Calibri"/>
        <family val="2"/>
      </rPr>
      <t xml:space="preserve"> до 30м (4 LEDs)</t>
    </r>
    <r>
      <rPr>
        <b/>
        <sz val="10"/>
        <rFont val="Calibri"/>
        <family val="2"/>
      </rPr>
      <t>,</t>
    </r>
    <r>
      <rPr>
        <sz val="10"/>
        <rFont val="Calibri"/>
        <family val="2"/>
      </rPr>
      <t xml:space="preserve"> фикс. объектив 4/6.0мм 1/2.7" CMOS,  угол обзора 86.5°/55.4°, ICR, 2Мп (1920x1080):30к/с, два видеопотока, DWDR, Ultra 265/H.264/MJPEG, ICR, </t>
    </r>
    <r>
      <rPr>
        <b/>
        <sz val="10"/>
        <color rgb="FFFF0000"/>
        <rFont val="Calibri"/>
        <family val="2"/>
      </rPr>
      <t>0.005Lux</t>
    </r>
    <r>
      <rPr>
        <sz val="10"/>
        <rFont val="Calibri"/>
        <family val="2"/>
      </rPr>
      <t xml:space="preserve"> ( F1.6, AGC ON) минимальная освещенность, IP67; -40°C до +60°C; 12V, PoE (IEEE802.3 af), 2KV, Потребляемая мощность: макс. 6 Вт. 0.38кг. Кронштей не входит в комплект.  Детекция движения - до 4 областей, OSD до 4 обл., приватность - до 4 обл., ROI -  до 8 обл.</t>
    </r>
  </si>
  <si>
    <t>XVR301-04Q</t>
  </si>
  <si>
    <t>XVR301-04Q-RU</t>
  </si>
  <si>
    <t>URDB1</t>
  </si>
  <si>
    <t>URDB1-RU</t>
  </si>
  <si>
    <t>6-ch , 1 SATA interface, 4 BNC/5MP Lite, Mini 1U, H.265, audio over coaxial, intrusion/crossing line</t>
  </si>
  <si>
    <t>Видеозвонки</t>
  </si>
  <si>
    <t>Дверной IP видеозвонок
Матрица 1/2.9"/2MP/CMOS,  1080P HD с углом обзора по горизонту 160°,  DWDR, Объектив: 2.0 мм, Iris: F2.0, Iris Fixed, минимальная освещенность  "цвет: 0.02Lux (F2.0, AGC ON), 0 Lux с ИК", ИК до 5м, Сжатие видео H.265,H.264, Smart Function √, Frame Rate 1920×1080 25fps, Два потока видео , OSD font lattice, 1 OSD, аудио вх/вых: встроенный микрофон и встроенный динамик, поддержка двусторонней связи, карта MicroSD до  128GB, сетевой интерфейс: Wifi, 802.11 b/g/n Wi-Fi @2.4GHz, кнопка сброса, Условия эксплуатации -30°C ~ 50°C, IP65, вес 0.11kg . Потребляемая мощность Max 5.5W,  16~24V AC и DC 12V
Размеры: (L × W × H) 46.8 × 23.5 × 123.2mm . Гарантия: 1 год.</t>
  </si>
  <si>
    <t>IPC2324SS-DZK</t>
  </si>
  <si>
    <t>IPC2324SS-DZK-RU</t>
  </si>
  <si>
    <t>2.7-13.5mm, Motorized</t>
  </si>
  <si>
    <r>
      <t xml:space="preserve">Видеокамера IP Уличная цилиндрическая антивандальная </t>
    </r>
    <r>
      <rPr>
        <b/>
        <sz val="11"/>
        <rFont val="Calibri"/>
        <family val="2"/>
      </rPr>
      <t>4Мп</t>
    </r>
    <r>
      <rPr>
        <sz val="11"/>
        <rFont val="Calibri"/>
        <family val="2"/>
      </rPr>
      <t xml:space="preserve"> с ИК подсветкой до </t>
    </r>
    <r>
      <rPr>
        <b/>
        <sz val="11"/>
        <color rgb="FFFF0000"/>
        <rFont val="Calibri"/>
        <family val="2"/>
      </rPr>
      <t>50 м</t>
    </r>
    <r>
      <rPr>
        <sz val="11"/>
        <rFont val="Calibri"/>
        <family val="2"/>
      </rPr>
      <t xml:space="preserve">., моторизированный объектив </t>
    </r>
    <r>
      <rPr>
        <b/>
        <sz val="11"/>
        <color rgb="FFFF0000"/>
        <rFont val="Calibri"/>
        <family val="2"/>
      </rPr>
      <t>2.7-13.5мм</t>
    </r>
    <r>
      <rPr>
        <sz val="11"/>
        <rFont val="Calibri"/>
        <family val="2"/>
      </rPr>
      <t xml:space="preserve">, 1/3" CMOS, угол обзора </t>
    </r>
    <r>
      <rPr>
        <b/>
        <sz val="11"/>
        <color rgb="FFFF0000"/>
        <rFont val="Calibri"/>
        <family val="2"/>
      </rPr>
      <t>100.1° ~ 28.6°</t>
    </r>
    <r>
      <rPr>
        <sz val="11"/>
        <rFont val="Calibri"/>
        <family val="2"/>
      </rPr>
      <t xml:space="preserve">, ICR, 2688*1520: 30fps; 2560*1440: 30fps, ROI, тройной видеопоток, Ultra265, H.265, H.264, MJPEG, WDR 120dB, LightHunter: </t>
    </r>
    <r>
      <rPr>
        <b/>
        <sz val="11"/>
        <color rgb="FFFF0000"/>
        <rFont val="Calibri"/>
        <family val="2"/>
      </rPr>
      <t>0.002 Lux</t>
    </r>
    <r>
      <rPr>
        <sz val="11"/>
        <rFont val="Calibri"/>
        <family val="2"/>
      </rPr>
      <t xml:space="preserve"> (F1.35, AGC ON) минимальная освещенность, cлот micro SD (256Gb), тревожные ввод/вывод 1/1, Audio ввод/вывод 1/1.  до 8 OSDs, Smart функции - Вторжение в зону, пересечение линий, аудио детекция, расфокусировка, смена сцены,   IP67&amp;IK10; -40°C до +60°C; 12V, PoE (IEEE802.3 af), Потребляемая мощность: макс. 8,5 Вт</t>
    </r>
  </si>
  <si>
    <t>IPC3634SS-ADZK</t>
  </si>
  <si>
    <t>IPC3634SS-ADZK-RU</t>
  </si>
  <si>
    <r>
      <t xml:space="preserve">Видеокамера IP Купольная антивандальная </t>
    </r>
    <r>
      <rPr>
        <b/>
        <sz val="11"/>
        <rFont val="Calibri"/>
        <family val="2"/>
      </rPr>
      <t>4 Мп</t>
    </r>
    <r>
      <rPr>
        <sz val="11"/>
        <rFont val="Calibri"/>
        <family val="2"/>
      </rPr>
      <t xml:space="preserve"> с ИК подсветкой до </t>
    </r>
    <r>
      <rPr>
        <b/>
        <sz val="11"/>
        <color rgb="FFFF0000"/>
        <rFont val="Calibri"/>
        <family val="2"/>
      </rPr>
      <t>40 м</t>
    </r>
    <r>
      <rPr>
        <sz val="11"/>
        <rFont val="Calibri"/>
        <family val="2"/>
      </rPr>
      <t xml:space="preserve">., моторизированный объектив </t>
    </r>
    <r>
      <rPr>
        <b/>
        <sz val="11"/>
        <color rgb="FFFF0000"/>
        <rFont val="Calibri"/>
        <family val="2"/>
      </rPr>
      <t>2.7-13.5мм</t>
    </r>
    <r>
      <rPr>
        <sz val="11"/>
        <rFont val="Calibri"/>
        <family val="2"/>
      </rPr>
      <t xml:space="preserve">, 1/3" CMOS, угол обзора </t>
    </r>
    <r>
      <rPr>
        <b/>
        <sz val="11"/>
        <color rgb="FFFF0000"/>
        <rFont val="Calibri"/>
        <family val="2"/>
      </rPr>
      <t>100.1° ~ 28.6°</t>
    </r>
    <r>
      <rPr>
        <sz val="11"/>
        <rFont val="Calibri"/>
        <family val="2"/>
      </rPr>
      <t>, ICR, 2688*1520: 30fps; 2560*1440: 30fps, ROI, тройной видеопоток, Ultra265, H.265, H.264, MJPEG, WDR 120dB, LightHunter: 0.002 Lux (F1.35, AGC ON) минимальная освещенность, cлот micro SD (256Gb), Встроенный микрофон.  До 8 OSDs, Smart функции - Вторжение в зону, пересечение линий, аудио детекция, расфокусировка, смена сцены.  IP67&amp;IK10; -40°C до +60°C; 12V, PoE (IEEE802.3 af), Вес: 0.69кг. Потребляемая мощность: макс. 7 Вт</t>
    </r>
  </si>
  <si>
    <t>IPC2124SS-ADF28KM</t>
  </si>
  <si>
    <t>IPC2124SS-ADF40KM</t>
  </si>
  <si>
    <t>IPC2124SS-ADF28KM-RU</t>
  </si>
  <si>
    <t>IPC2124SS-ADF40KM-RU</t>
  </si>
  <si>
    <t>XVR302-08U-IF</t>
  </si>
  <si>
    <t>XVR302-08U-IF-RU</t>
  </si>
  <si>
    <t>XVR302-16Q-IF</t>
  </si>
  <si>
    <t>XVR302-16Q-IF-RU</t>
  </si>
  <si>
    <t>72Mbps</t>
  </si>
  <si>
    <t>Видеорегистратор гибридный 4-х канальный мультиформатный; Поддержка форматов  AHD input: 8MP@15fps(channel1),5MP@20fps, 4MP@30fps, 3MP@30fps(channel1), 1080P@30fps, 720P@60fps; Поддержка TVI input: 8MP@15fps(channel1), 5MP@20fps, 4MP@30fps, 3MP@20fps (channel1), 1080P@30fps, 720P@60fps, Поддержка CVI input: 8MP@15fps(channel1), 5MP@20fpsб 4MP@30fps, 1080P@30fps, 720P@30fps Поддержка CVBS input; Поддержка IP камер: до 6 каналов (только IP) или 2канала 4К.; Входящий поток 48 Мбит/с , Исходящий поток 60 Мбит/с; HDD: 1 SATA до 10Тб; Видеовыходы: 1 HDMI, 1 VGA 1920*1080P; Сеть: 1 порт 100Mb; USB 2.0 - 2 порта; Аудио вх./вых двухстороннее, 1-канал RCA; 1-канал BNC, 1 x RS485, поддержка H.264; удаленных пользователей  128, Одновременный просмотр 6 каналов, 2 x USB2.0,  питание 12В/8Вт (блок питания в комплекте) . Размеры 260 × 240 × 46 мм, вес 1.1 кг</t>
  </si>
  <si>
    <t>Видеорегистратор гибридный 16-ти канальный мультиформатный; Поддержка форматов  AHD input: 8MP@15fps(channel1),5MP@20fps, 4MP@30fps, 3MP@30fps(channel1), 1080P@30fps, 720P@60fps; Поддержка TVI input: 8MP@15fps(channel1), 5MP@20fps, 4MP@30fps, 3MP@20fps (channel1), 1080P@30fps, 720P@60fps, Поддержка CVI input: 8MP@15fps(channel1), 5MP@20fpsб 4MP@30fps, 1080P@30fps, 720P@30fps Поддержка CVBS input; Поддержка IP камер: до 24 каналов (только IP) или 8каналов 4К.; Входящий поток 72 Мбит/с , Исходящий поток 80 Мбит/с; HDD: 2 SATA до 10Тб; Видеовыходы: 1 HDMI, 1 VGA 1920*1080P; Сеть: 1 порт 100Mb; USB 2.0 - 2 порта; Аудио вх./вых двухстороннее, 1-канал RCA; 1-канал BNC, 1 x RS485, поддержка H.264; удаленных пользователей  128, Одновременный просмотр 6 каналов, 2 x USB2.0,  питание 12В/12Вт (блок питания в комплекте) . Размеры 380 ×315× 53 мм, вес 1.9 кг. Видеоаналитика</t>
  </si>
  <si>
    <t>Видеорегистратор гибридный 8-ми канальный мультиформатный; Поддержка форматов  AHD input: 8MP@15fps(channel1),5MP@20fps, 4MP@30fps, 3MP@30fps(channel1), 1080P@30fps, 720P@60fps; Поддержка TVI input: 8MP@15fps(channel1), 5MP@20fps, 4MP@30fps, 3MP@20fps (channel1), 1080P@30fps, 720P@60fps, Поддержка CVI input: 8MP@15fps(channel1), 5MP@20fpsб 4MP@30fps, 1080P@30fps, 720P@30fps Поддержка CVBS input; Поддержка IP камер: до 12 каналов (только IP) или 4канала 4К.; Входящий поток 56 Мбит/с , Исходящий поток 64 Мбит/с; HDD: 2 SATA до 10Тб; Видеовыходы: 1 HDMI, 1 VGA 1920*1080P; Сеть: 1 порт 100Mb; USB 2.0 - 2 порта; Аудио вх./вых двухстороннее, 1-канал RCA; 1-канал BNC, 1 x RS485, поддержка H.264; удаленных пользователей  128, Одновременный просмотр 6 каналов, 2 x USB2.0,  питание 12В/8Вт (блок питания в комплекте) . Размеры 380 ×315× 53 мм, вес 1.9 кг Видеоаналитика</t>
  </si>
  <si>
    <t>IPC6322SR-X33UP-D</t>
  </si>
  <si>
    <t>IPC6322SR-X33UP-D-RU</t>
  </si>
  <si>
    <t>Мини PTZ видеокамеры</t>
  </si>
  <si>
    <r>
      <rPr>
        <b/>
        <sz val="11"/>
        <rFont val="Calibri"/>
        <family val="2"/>
      </rPr>
      <t xml:space="preserve">Wi-Fi </t>
    </r>
    <r>
      <rPr>
        <sz val="11"/>
        <rFont val="Calibri"/>
        <family val="2"/>
      </rPr>
      <t xml:space="preserve">Видеокамера IP Скоростная поворотная уличная </t>
    </r>
    <r>
      <rPr>
        <b/>
        <sz val="11"/>
        <rFont val="Calibri"/>
        <family val="2"/>
      </rPr>
      <t>5Мп</t>
    </r>
    <r>
      <rPr>
        <sz val="11"/>
        <rFont val="Calibri"/>
        <family val="2"/>
      </rPr>
      <t xml:space="preserve"> с адаптивной ИК-подсветкой до 30м, с моторизованным вариофокальным объективом 2.7~ 13.5мм, 5Х optical zoom, CMOS 1/2.8", угол обзора 54.40° ~ 3.44°, ICR, 2592 × 1944 30fps , тройной видеопоток, Ultra 265/H.264/MJPEG, 120dB WDR, 0.01 Lux минимальная освещенность, cлот micro SD (256Gb).   Встроенный Mic и динамик. Smart функции - автоматическое отслеживание объекта,  вторжение в зону, пересечение линий, детекция лиц, расфокусировка, смена сцены, подсчет посетителей, горячая карта. Диапазон поворота 0° ~ 350°; Диапазон наклона  0 ° ~ 90 ° , IP66, -10°C до +50°C; 12V DC. Потребляемая мощность: макс. 12 Вт,  Φ129мм×143мм, 3кг. </t>
    </r>
  </si>
  <si>
    <r>
      <t xml:space="preserve">Видеокамера IP Скоростная поворотная уличная </t>
    </r>
    <r>
      <rPr>
        <b/>
        <sz val="11"/>
        <color rgb="FFFF0000"/>
        <rFont val="Calibri"/>
        <family val="2"/>
      </rPr>
      <t>Lighthunter 2Мп</t>
    </r>
    <r>
      <rPr>
        <sz val="11"/>
        <rFont val="Calibri"/>
        <family val="2"/>
      </rPr>
      <t xml:space="preserve"> с адаптивной ИК-подсветкой до 150м, с моторизованным вариофокальным объективом 5.2~ 114.4мм, 22Х optical zoom, CMOS 1/2.8", угол обзора 53.4° ~ 2.7°, ICR, 1920*1080</t>
    </r>
    <r>
      <rPr>
        <b/>
        <sz val="11"/>
        <color rgb="FFFF0000"/>
        <rFont val="Calibri"/>
        <family val="2"/>
      </rPr>
      <t>@60fps</t>
    </r>
    <r>
      <rPr>
        <sz val="11"/>
        <rFont val="Calibri"/>
        <family val="2"/>
      </rPr>
      <t xml:space="preserve">, тройной видеопоток, Ultra 265/H.264/MJPEG, </t>
    </r>
    <r>
      <rPr>
        <b/>
        <sz val="11"/>
        <color rgb="FFFF0000"/>
        <rFont val="Calibri"/>
        <family val="2"/>
      </rPr>
      <t>120dB WDR</t>
    </r>
    <r>
      <rPr>
        <sz val="11"/>
        <color rgb="FFFF0000"/>
        <rFont val="Calibri"/>
        <family val="2"/>
      </rPr>
      <t>,</t>
    </r>
    <r>
      <rPr>
        <sz val="11"/>
        <rFont val="Calibri"/>
        <family val="2"/>
      </rPr>
      <t xml:space="preserve"> 0.003 Lux минимальная освещенность вкл. F1.5, cлот micro SD (256Gb), HLC, BLC, DIS, OSD -8, Privacy Mask до 24, ROI  до8, детекция движения до 4, тревожные ввод/вывод 1/1, Audio ввод/вывод 1/1.   Smart функции - </t>
    </r>
    <r>
      <rPr>
        <sz val="11"/>
        <rFont val="Calibri"/>
        <family val="2"/>
      </rPr>
      <t xml:space="preserve"> детекция движения, аудио детекция, вторжение в зону, пересечение линий и др. Диапазон панорамирования 360°; Скорость панорамирования  0,1 ° / с ~ 240 ° / с, Предустановленная скорость: 300 ° / с, Диапазон наклона  -15 ° ~ + 90 ° (автоматический реверс), Скорость наклона  0.1° ~ 80°/s, Предустановленная скорость: 80 ° / с, IP66, -40°C до +65°C; 12V±10% DC. PoE (требуется PSE-отдельный PoE-инжектор).Потребляемая мощность: макс. 4~27.6 Вт,  Ø220 x 369мм, 3,4кг. Кнопка сброса.</t>
    </r>
  </si>
  <si>
    <r>
      <t xml:space="preserve">Видеокамера IP Скоростная поворотная уличная </t>
    </r>
    <r>
      <rPr>
        <b/>
        <sz val="11"/>
        <color rgb="FFFF0000"/>
        <rFont val="Calibri"/>
        <family val="2"/>
      </rPr>
      <t>LightHunter</t>
    </r>
    <r>
      <rPr>
        <sz val="11"/>
        <rFont val="Calibri"/>
        <family val="2"/>
      </rPr>
      <t xml:space="preserve"> </t>
    </r>
    <r>
      <rPr>
        <b/>
        <sz val="11"/>
        <rFont val="Calibri"/>
        <family val="2"/>
      </rPr>
      <t>2Мп</t>
    </r>
    <r>
      <rPr>
        <sz val="11"/>
        <rFont val="Calibri"/>
        <family val="2"/>
      </rPr>
      <t xml:space="preserve"> с адаптивной</t>
    </r>
    <r>
      <rPr>
        <b/>
        <sz val="11"/>
        <rFont val="Calibri"/>
        <family val="2"/>
      </rPr>
      <t xml:space="preserve"> ИК-подсветкой до 150м пятого поколения</t>
    </r>
    <r>
      <rPr>
        <sz val="11"/>
        <rFont val="Calibri"/>
        <family val="2"/>
      </rPr>
      <t xml:space="preserve"> с моторизованным вариофокальным объективом 4.5-148,5мм, </t>
    </r>
    <r>
      <rPr>
        <b/>
        <sz val="11"/>
        <color rgb="FFFF0000"/>
        <rFont val="Calibri"/>
        <family val="2"/>
      </rPr>
      <t>33Х</t>
    </r>
    <r>
      <rPr>
        <sz val="11"/>
        <rFont val="Calibri"/>
        <family val="2"/>
      </rPr>
      <t xml:space="preserve"> optical zoom, CMOS 1/2.8", угол обзора 76,8°~ 2.1°, ICR, 1920x1080:25fps, тройной видеопоток, Ultra 265/H.264/MJPEG, 120dB WDR, </t>
    </r>
    <r>
      <rPr>
        <b/>
        <sz val="11"/>
        <color rgb="FFFF0000"/>
        <rFont val="Calibri"/>
        <family val="2"/>
      </rPr>
      <t>0.001 Lux</t>
    </r>
    <r>
      <rPr>
        <sz val="11"/>
        <rFont val="Calibri"/>
        <family val="2"/>
      </rPr>
      <t xml:space="preserve"> минимальная освещенность, cлот micro SD (</t>
    </r>
    <r>
      <rPr>
        <b/>
        <sz val="11"/>
        <color rgb="FFFF0000"/>
        <rFont val="Calibri"/>
        <family val="2"/>
      </rPr>
      <t>256Gb</t>
    </r>
    <r>
      <rPr>
        <sz val="11"/>
        <rFont val="Calibri"/>
        <family val="2"/>
      </rPr>
      <t>), тревожные ввод/вывод 2/1, Audio ввод/вывод 1/1.  Smart функции - автотрекинг, детекция движения, вторжение в зону, пересечение линий, детекция лиц, подсчет посетителей и др. Диапазон панорамирования 360°; Скорость панорамирования  0,1 ° / с ~ 240 ° / с, Предустановленная скорость: 200 ° / с, Диапазон наклона  -15 ° ~ + 90 ° (автоматический реверс), Скорость наклона  0.1° ~ 80°/s, Предустановленная скорость: 80 ° / с, IP66, -40°C до +65°C; 12V±10% DC, PoE (требуется PSE-отдельный PoE-инжектор). Потребляемая мощность: макс. 22 Вт,  Φ220×369mm, 3,4 кг. Кнопка сброса.</t>
    </r>
  </si>
  <si>
    <t>PTZ IP видеокамеры</t>
  </si>
  <si>
    <t>Уличные мини PTZ видеокамеры</t>
  </si>
  <si>
    <t>IPC672LR-AX4DUPKC</t>
  </si>
  <si>
    <t>IPC672LR-AX4DUPKC-RU</t>
  </si>
  <si>
    <t>Скоростные PTZ  видеокамеры серии Navigator</t>
  </si>
  <si>
    <t>4X</t>
  </si>
  <si>
    <t>Built-in Mic/Speaker</t>
  </si>
  <si>
    <r>
      <t xml:space="preserve">Видеокамера IP Скоростная поворотная уличная </t>
    </r>
    <r>
      <rPr>
        <b/>
        <sz val="11"/>
        <color rgb="FFFF0000"/>
        <rFont val="Calibri"/>
        <family val="2"/>
      </rPr>
      <t>Lighthunter 2Мп</t>
    </r>
    <r>
      <rPr>
        <sz val="11"/>
        <rFont val="Calibri"/>
        <family val="2"/>
      </rPr>
      <t xml:space="preserve"> с адаптивной ИК-подсветкой до 50м, с моторизованным вариофокальным объективом 2.8~12мм, 4Х optical zoom, CMOS 1/2.8", Iris: F1.6, DC-Iris, угол обзора 32.5° ~ 95.7°, ICR, </t>
    </r>
    <r>
      <rPr>
        <b/>
        <sz val="11"/>
        <color rgb="FFFF0000"/>
        <rFont val="Calibri"/>
        <family val="2"/>
      </rPr>
      <t>1920×1080 30fps</t>
    </r>
    <r>
      <rPr>
        <sz val="11"/>
        <rFont val="Calibri"/>
        <family val="2"/>
      </rPr>
      <t xml:space="preserve">, тройной видеопоток, Ultra 265/H.264/MJPEG, </t>
    </r>
    <r>
      <rPr>
        <b/>
        <sz val="11"/>
        <color rgb="FFFF0000"/>
        <rFont val="Calibri"/>
        <family val="2"/>
      </rPr>
      <t>120dB WDR</t>
    </r>
    <r>
      <rPr>
        <sz val="11"/>
        <rFont val="Calibri"/>
        <family val="2"/>
      </rPr>
      <t xml:space="preserve">, </t>
    </r>
    <r>
      <rPr>
        <b/>
        <sz val="11"/>
        <color rgb="FFFF0000"/>
        <rFont val="Calibri"/>
        <family val="2"/>
      </rPr>
      <t>0.001 Lux</t>
    </r>
    <r>
      <rPr>
        <sz val="11"/>
        <rFont val="Calibri"/>
        <family val="2"/>
      </rPr>
      <t xml:space="preserve"> минимальная освещенность вкл. F1.5, cлот micro SD (128Gb), встроеннный микрофон / спикер, OSD -8,  ROI.   Smart функции -  аутотрекинг, ROI, детекция движения, вторжение в зону и др. Диапазон панорамирования 345°; Скорость панорамирования  0.1°/s ~ 50°/s, Диапазон наклона  90 °, Скорость наклона  0.1° ~ 40°/s, IP66, -30°C до +60°C; DC 12V ±25%, PoE (IEEE 802.3af). Потребляемая мощность: макс. 16 Вт,  Ø133 x 269.4мм, 0,87кг.</t>
    </r>
  </si>
  <si>
    <t>Наименование (старое)</t>
  </si>
  <si>
    <t>NSW5110-24GT4GP-IN</t>
  </si>
  <si>
    <t>Ports 24×1000Mbps ports (RJ45)+2×1000Mbps Fiber(SFP) ports+2G Combo ports
Standards IEEE802.3, IEEE802.3u, IEEE802.3z,IEEE802.3ab, IEEE802.3x
Switching capacity 56Gbps
Forwarding performance 41.66Mpps
Packet Buffer 4Mbit
MAC 8K
Dimensions (W×D×H) 440*208*44mm
Weight 3.6&lt;kg
Power supply AC: 100-240V, 50/60Hz
Mean Time Between Failure (MTBF) &gt;50000 hours
Operating temperature 0°C-40°C (32°F-104°F)
Operating humidity 10%～90% (noncondensing)
Storage humidity 5%～90% (noncondensing)
Indicatorlight PWR:
Death: switch does not power on
Permanent: the switch is powered on
LINK/ACT:
Death: not connected to the network equipment
Green light: connected to 1000Mbps devices
Blinking:connected devices are data transmission
System:
Blinking: the system works
Out: the system is starting or has nopower</t>
  </si>
  <si>
    <t>KIT-TR4-1</t>
  </si>
  <si>
    <t>TR-WE45-E-IN</t>
  </si>
  <si>
    <t>TR-WM08-B</t>
  </si>
  <si>
    <t>DC5506</t>
  </si>
  <si>
    <t>DC5509</t>
  </si>
  <si>
    <t>Bullet Wall Mount</t>
  </si>
  <si>
    <t>Box Wall Mount</t>
  </si>
  <si>
    <r>
      <t xml:space="preserve">Видеокамера IP Купольная антивандальная </t>
    </r>
    <r>
      <rPr>
        <b/>
        <sz val="11"/>
        <color rgb="FFFF0000"/>
        <rFont val="Calibri"/>
        <family val="2"/>
      </rPr>
      <t>LightHunter</t>
    </r>
    <r>
      <rPr>
        <sz val="11"/>
        <rFont val="Calibri"/>
        <family val="2"/>
      </rPr>
      <t xml:space="preserve"> </t>
    </r>
    <r>
      <rPr>
        <b/>
        <sz val="11"/>
        <color rgb="FFFF0000"/>
        <rFont val="Calibri"/>
        <family val="2"/>
      </rPr>
      <t>4 Мп</t>
    </r>
    <r>
      <rPr>
        <sz val="11"/>
        <rFont val="Calibri"/>
        <family val="2"/>
      </rPr>
      <t xml:space="preserve"> с ИК подсветкой </t>
    </r>
    <r>
      <rPr>
        <b/>
        <sz val="11"/>
        <color rgb="FFFF0000"/>
        <rFont val="Calibri"/>
        <family val="2"/>
      </rPr>
      <t>до 40 м</t>
    </r>
    <r>
      <rPr>
        <sz val="11"/>
        <rFont val="Calibri"/>
        <family val="2"/>
      </rPr>
      <t xml:space="preserve">., фикс. объектив 2,8/4мм, 1/3" CMOS, Iris: F1.6., угол обзора 1107.8°/82°, ICR, 2688*1520, 30fps/2560*1440, 30fps/2304*1296, 30fps/1920*1080, 30fps, тройной видеопоток, Ultra 265/H.264/MJPEG, </t>
    </r>
    <r>
      <rPr>
        <b/>
        <sz val="11"/>
        <color rgb="FFFF0000"/>
        <rFont val="Calibri"/>
        <family val="2"/>
      </rPr>
      <t>WDR 120dB, 0.003 Lux</t>
    </r>
    <r>
      <rPr>
        <sz val="11"/>
        <rFont val="Calibri"/>
        <family val="2"/>
      </rPr>
      <t xml:space="preserve"> минимальная освещенность, слот для Карты памяти Micro SD 128GB, тревожные ввод/вывод 1/1, Audio ввод/вывод 1/1. Smart функции - Вторжение в зону, пересечение линий, расфокусировка, смена сцены, обнаружение людей и др.  IP67/IK10; -40°C до +60°C; 12V±25%, PoE (IEEE802.3 af), Потребляемая мощность: 0.43kg, макс. 4,5 Вт</t>
    </r>
  </si>
  <si>
    <r>
      <t xml:space="preserve">Видеокамера IP Уличная цилиндрическая </t>
    </r>
    <r>
      <rPr>
        <b/>
        <sz val="11"/>
        <color rgb="FFFF0000"/>
        <rFont val="Calibri"/>
        <family val="2"/>
      </rPr>
      <t>LightHunter 4 Мп</t>
    </r>
    <r>
      <rPr>
        <sz val="11"/>
        <rFont val="Calibri"/>
        <family val="2"/>
      </rPr>
      <t xml:space="preserve"> с ИК подсветкой </t>
    </r>
    <r>
      <rPr>
        <b/>
        <sz val="11"/>
        <color rgb="FFFF0000"/>
        <rFont val="Calibri"/>
        <family val="2"/>
      </rPr>
      <t>до 40 м</t>
    </r>
    <r>
      <rPr>
        <sz val="11"/>
        <rFont val="Calibri"/>
        <family val="2"/>
      </rPr>
      <t xml:space="preserve">., фикс. объектив 2,8/4мм, 1/3" CMOS, Iris: F1.6, угол обзора </t>
    </r>
    <r>
      <rPr>
        <b/>
        <sz val="11"/>
        <color rgb="FFFF0000"/>
        <rFont val="Calibri"/>
        <family val="2"/>
      </rPr>
      <t>107.8°/82°</t>
    </r>
    <r>
      <rPr>
        <sz val="11"/>
        <rFont val="Calibri"/>
        <family val="2"/>
      </rPr>
      <t xml:space="preserve">, ICR,  2688*1520, 30fps/2560*1440, 30fps/2304*1296, 30fps/1920*1080, 30fps, тройной видеопоток, Ultra265, H.265, H.264, MJPEG, </t>
    </r>
    <r>
      <rPr>
        <b/>
        <sz val="11"/>
        <rFont val="Calibri"/>
        <family val="2"/>
      </rPr>
      <t>WDR 120dB</t>
    </r>
    <r>
      <rPr>
        <sz val="11"/>
        <rFont val="Calibri"/>
        <family val="2"/>
      </rPr>
      <t xml:space="preserve">, </t>
    </r>
    <r>
      <rPr>
        <b/>
        <sz val="11"/>
        <color rgb="FFFF0000"/>
        <rFont val="Calibri"/>
        <family val="2"/>
      </rPr>
      <t>0.003Lux</t>
    </r>
    <r>
      <rPr>
        <sz val="11"/>
        <rFont val="Calibri"/>
        <family val="2"/>
      </rPr>
      <t xml:space="preserve"> (F1.6, AGC ON) минимальная освещенность, MicroSD, up to 128GB, кнопка сброса.  Smart функции - Вторжение в зону, пересечение линий, аудио детекция,  расфокусировка, смена сцены, обнаружение человека и др.  IP67; -40°C до +60°C; 12V, PoE (IEEE802.3 af), 0.43kg, Потребляемая мощность: макс. 5 Вт</t>
    </r>
  </si>
  <si>
    <t>Product Line</t>
  </si>
  <si>
    <t>Easy</t>
  </si>
  <si>
    <t>Prime-I</t>
  </si>
  <si>
    <t>Скоростные PTZ  видеокамеры Navigator</t>
  </si>
  <si>
    <t>MW3575-T</t>
  </si>
  <si>
    <t xml:space="preserve">Key Features
 75" ultra-HD display
 Metal housing, 4mm AG anti-glare tempered glass, and ultra-thin and ultra-narrow appearance
 IR (Infrared Ray) touch technology, supports 20 points writing. 
 Writing height below 2mm to bring smoother writing experience
 All-channel annotating, built-in Android writing software 
 Smart sidebar menu 
 Wireless screen sharing, convenient to presentation
 Built-in Android system and optional with Pluggable PC Module
 Double LAN bridging, supporting Android, Pluggable PC Module (Windows system) and external PC realize network bridging 
 Public USB port auto switch 
 Antenna hidden inside 
 All channel can be loop-outed by HDMI </t>
  </si>
  <si>
    <t>РРЦ Руб.</t>
  </si>
  <si>
    <t>IPC324LE-DSF28K</t>
  </si>
  <si>
    <t>IPC324LE-DSF40K</t>
  </si>
  <si>
    <t>IPC3614LE-ADF28K</t>
  </si>
  <si>
    <t>IPC3614LE-ADF40K</t>
  </si>
  <si>
    <t>Замены</t>
  </si>
  <si>
    <t>IPC324LE-DSF28K-G</t>
  </si>
  <si>
    <t>IPC324LE-DSF40K-G</t>
  </si>
  <si>
    <t>IPC3614LE-ADF28K-G</t>
  </si>
  <si>
    <t>IPC3614LE-ADF40K-G</t>
  </si>
  <si>
    <t>Будет снято с производства</t>
  </si>
  <si>
    <t>IPC2122LB-DSF28KM-G</t>
  </si>
  <si>
    <t>IPC2122LB-DSF40KM-G</t>
  </si>
  <si>
    <t>IPC2122LB-DSF28KM-G-RU</t>
  </si>
  <si>
    <t>IPC2122LB-DSF40KM-G-RU</t>
  </si>
  <si>
    <t>IPC2123LB-AF28K-G-RU</t>
  </si>
  <si>
    <t>IPC2123LB-AF40K-G-RU</t>
  </si>
  <si>
    <t>IPC324LE-DSF28K-RU</t>
  </si>
  <si>
    <t>IPC324LE-DSF40K-RU</t>
  </si>
  <si>
    <t>IPC3614LE-ADF28K-G-RU</t>
  </si>
  <si>
    <t>IPC3614LE-ADF40K-G-RU</t>
  </si>
  <si>
    <t>IPC3614LE-ADF28K-RU</t>
  </si>
  <si>
    <t>IPC3614LE-ADF40K-RU</t>
  </si>
  <si>
    <t>IPC3613LB-AF28K-G</t>
  </si>
  <si>
    <t>IPC3613LB-AF28K-G-RU</t>
  </si>
  <si>
    <t>IPC3613LB-AF40K-G</t>
  </si>
  <si>
    <t>IPC3613LB-AF40K-G-RU</t>
  </si>
  <si>
    <t>IPC324LE-DSF40K-G-RU</t>
  </si>
  <si>
    <t>IPC324LE-DSF28K-G-RU</t>
  </si>
  <si>
    <t>IPC323LB-SF40K-G</t>
  </si>
  <si>
    <t>IPC323LB-SF40K-G-RU</t>
  </si>
  <si>
    <t>IPC2322LB-ADZK-G</t>
  </si>
  <si>
    <t>IPC2322LB-ADZK-G-RU</t>
  </si>
  <si>
    <t>IPC3532LB-DSZK-G</t>
  </si>
  <si>
    <t>IPC3532LB-DSZK-G-RU</t>
  </si>
  <si>
    <t>IPC3632LB-ADZK-G</t>
  </si>
  <si>
    <t>IPC3632LB-ADZK-G-RU</t>
  </si>
  <si>
    <t>IPC3612LB-ADF28K-G</t>
  </si>
  <si>
    <t>IPC3612LB-ADF40K-G</t>
  </si>
  <si>
    <t>IPC3612LB-ADF28K-G-RU</t>
  </si>
  <si>
    <t>IPC3612LB-ADF40K-G-RU</t>
  </si>
  <si>
    <t>1/2.7" CMOS,ICR, 1920x1080:30fps, Ultra 265, H.265, H.264, MJPEG, double streams, DC 12V&amp;PoE, Fixed lens(2.8mm,4mm),IR range: up to 30m, 3-Axis</t>
  </si>
  <si>
    <t>120dB WDR, IP67, HLC,EasyStar</t>
  </si>
  <si>
    <r>
      <t xml:space="preserve">Видеокамера IP Купольная антивандальная </t>
    </r>
    <r>
      <rPr>
        <b/>
        <sz val="11"/>
        <color rgb="FFFF0000"/>
        <rFont val="Calibri"/>
        <family val="2"/>
      </rPr>
      <t>4 Мп</t>
    </r>
    <r>
      <rPr>
        <sz val="11"/>
        <color rgb="FFFF0000"/>
        <rFont val="Calibri"/>
        <family val="2"/>
      </rPr>
      <t xml:space="preserve"> </t>
    </r>
    <r>
      <rPr>
        <sz val="11"/>
        <rFont val="Calibri"/>
        <family val="2"/>
      </rPr>
      <t xml:space="preserve">с ИК подсветкой до 30 м., фикс.  объектив 2,8мм/ 4мм, 1/3" CMOS, угол обзора 107.8°/82.0°, ICR, 4MP (2592*1520), Max 3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слот для карты памяти </t>
    </r>
    <r>
      <rPr>
        <b/>
        <sz val="11"/>
        <color rgb="FFFF0000"/>
        <rFont val="Calibri"/>
        <family val="2"/>
      </rPr>
      <t>Micro SD 256GB</t>
    </r>
    <r>
      <rPr>
        <sz val="11"/>
        <rFont val="Calibri"/>
        <family val="2"/>
      </rPr>
      <t xml:space="preserve">, </t>
    </r>
    <r>
      <rPr>
        <b/>
        <sz val="11"/>
        <color rgb="FFFF0000"/>
        <rFont val="Calibri"/>
        <family val="2"/>
      </rPr>
      <t>Audio ввод/вывод 1/1, тревожные ввод/вывод</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IK10; -40°C до +60°C; 12V, PoE (IEEE802.3 af), Потребляемая мощность: макс. 5,5 Вт</t>
    </r>
  </si>
  <si>
    <t>Снято с производства</t>
  </si>
  <si>
    <t xml:space="preserve">Ограничено доступно </t>
  </si>
  <si>
    <t>IPC2122SB-ADF28KM-I0</t>
  </si>
  <si>
    <t>IPC2122SB-ADF40KM-I0</t>
  </si>
  <si>
    <t>IPC2122SB-ADF28KM-I0-RU</t>
  </si>
  <si>
    <t>IPC2122SB-ADF40KM-I0-RU</t>
  </si>
  <si>
    <t>IPC322SB-DF28K-I0</t>
  </si>
  <si>
    <t>IPC322SB-DF40K-I0</t>
  </si>
  <si>
    <t>IPC322SB-DF28K-I0-RU</t>
  </si>
  <si>
    <t>IPC322SB-DF40K-I0-RU</t>
  </si>
  <si>
    <t>IPC3612SB-ADF28KM-I0</t>
  </si>
  <si>
    <t>IPC3612SB-ADF40KM-I0</t>
  </si>
  <si>
    <t>IPC3612SB-ADF28KM-I0-RU</t>
  </si>
  <si>
    <t>IPC3612SB-ADF40KM-I0-RU</t>
  </si>
  <si>
    <t>IPC2322SB-DZK-I0</t>
  </si>
  <si>
    <t>IPC2322SB-DZK-I0-RU</t>
  </si>
  <si>
    <t>IPC3232SB-ADZK-I0-RU</t>
  </si>
  <si>
    <t>IPC3232SB-ADZK-I0</t>
  </si>
  <si>
    <t>IPC3632SB-ADZK-I0</t>
  </si>
  <si>
    <t>IPC3632SB-ADZK-I0-RU</t>
  </si>
  <si>
    <t>IPC3235SB-ADZK-I0</t>
  </si>
  <si>
    <t>IPC3235SB-ADZK-I0-RU</t>
  </si>
  <si>
    <t>IPC2324SB-DZK-I0</t>
  </si>
  <si>
    <t>Prime-I new</t>
  </si>
  <si>
    <t>IPC2325SB-DZK-I0</t>
  </si>
  <si>
    <t>IPC2325SB-DZK-I0-RU</t>
  </si>
  <si>
    <t>IPC3234SB-ADZK-I0</t>
  </si>
  <si>
    <t>IPC3234SB-ADZK-I0-RU</t>
  </si>
  <si>
    <t>IPC3634SB-ADZK-I0</t>
  </si>
  <si>
    <t>IPC3634SB-ADZK-I0-RU</t>
  </si>
  <si>
    <t>IPC3635SB-ADZK-I0</t>
  </si>
  <si>
    <t>IPC3635SB-ADZK-I0-RU</t>
  </si>
  <si>
    <t>IPC2122LB-DSF28KM</t>
  </si>
  <si>
    <t>IPC2122LB-DSF40KM</t>
  </si>
  <si>
    <t>IPC2122LB-DSF40KM-RU</t>
  </si>
  <si>
    <t>IPC2122LB-DSF28KM-RU</t>
  </si>
  <si>
    <t>IPC3612LB-ADF28K</t>
  </si>
  <si>
    <t>IPC3612LB-ADF40K</t>
  </si>
  <si>
    <t>IPC3612LB-ADF28K-RU</t>
  </si>
  <si>
    <t>IPC3612LB-ADF40K-RU</t>
  </si>
  <si>
    <t>IPC322LB-DSF28K</t>
  </si>
  <si>
    <t>IPC322LB-DSF40K</t>
  </si>
  <si>
    <t>IPC322LB-DSF28K-RU</t>
  </si>
  <si>
    <t>IPC322LB-DSF40K-RU</t>
  </si>
  <si>
    <t>IPC322LB-DSF28K-G</t>
  </si>
  <si>
    <t>IPC322LB-DSF40K-G</t>
  </si>
  <si>
    <t>IPC322LB-DSF28K-G-RU</t>
  </si>
  <si>
    <t>IPC322LB-DSF40K-G-RU</t>
  </si>
  <si>
    <r>
      <t xml:space="preserve">Видеокамера IP Уличная цилиндрическая </t>
    </r>
    <r>
      <rPr>
        <b/>
        <sz val="10"/>
        <color rgb="FFFF0000"/>
        <rFont val="Calibri"/>
        <family val="2"/>
      </rPr>
      <t>2 Мп</t>
    </r>
    <r>
      <rPr>
        <sz val="10"/>
        <rFont val="Calibri"/>
        <family val="2"/>
      </rPr>
      <t xml:space="preserve"> с ИК подсветкой до 30м</t>
    </r>
    <r>
      <rPr>
        <b/>
        <sz val="10"/>
        <rFont val="Calibri"/>
        <family val="2"/>
      </rPr>
      <t>,</t>
    </r>
    <r>
      <rPr>
        <sz val="10"/>
        <rFont val="Calibri"/>
        <family val="2"/>
      </rPr>
      <t xml:space="preserve"> фикс. объектив 2.8/4.0мм 1/2.7" CMOS,  угол обзора 112.7°/91.2°, ICR, 1080P (1920x1080):30к/с, 720P (1280*720), 30к/с, два видеопотока, </t>
    </r>
    <r>
      <rPr>
        <b/>
        <sz val="10"/>
        <color rgb="FFFF0000"/>
        <rFont val="Calibri"/>
        <family val="2"/>
      </rPr>
      <t>WDR 120db</t>
    </r>
    <r>
      <rPr>
        <sz val="10"/>
        <rFont val="Calibri"/>
        <family val="2"/>
      </rPr>
      <t xml:space="preserve">, Ultra 265/H.264/MJPEG, ICR, </t>
    </r>
    <r>
      <rPr>
        <b/>
        <sz val="10"/>
        <color rgb="FFFF0000"/>
        <rFont val="Calibri"/>
        <family val="2"/>
      </rPr>
      <t>0.02Lux</t>
    </r>
    <r>
      <rPr>
        <sz val="10"/>
        <rFont val="Calibri"/>
        <family val="2"/>
      </rPr>
      <t xml:space="preserve"> минимальная освещенность, </t>
    </r>
    <r>
      <rPr>
        <b/>
        <sz val="10"/>
        <color rgb="FFFF0000"/>
        <rFont val="Calibri"/>
        <family val="2"/>
      </rPr>
      <t>слот карты памяти - micro SD до 128 Гб,</t>
    </r>
    <r>
      <rPr>
        <sz val="10"/>
        <rFont val="Calibri"/>
        <family val="2"/>
      </rPr>
      <t xml:space="preserve"> IP67; -40°C до +60°C; 12V, PoE (IEEE802.3 af), 2KV, Потребляемая мощность: макс. 4.5 Вт. 0.45кг  Металлический корпус. Обнаружение человеческа, вторжение, детекция движения - до 4 обл., OSD до 4 обл., приватность - до 4 обл., ROI -  до 8 обл.</t>
    </r>
  </si>
  <si>
    <r>
      <t xml:space="preserve">Видеокамера IP Купольная антивандальная 2 Мп с ИК подсветкой до 30м, фикс. объектив 2.8/4.0мм 1/2.7" CMOS,  угол обзора 112.7°/91.2°, ICR, 1080P (1920x1080):30к/с, 720P (1280*720), 30к/с, два видеопотока, </t>
    </r>
    <r>
      <rPr>
        <b/>
        <sz val="10"/>
        <color rgb="FFFF0000"/>
        <rFont val="Calibri"/>
        <family val="2"/>
      </rPr>
      <t>WDR 120db</t>
    </r>
    <r>
      <rPr>
        <sz val="10"/>
        <rFont val="Calibri"/>
        <family val="2"/>
      </rPr>
      <t xml:space="preserve">, Ultra 265/H.264/MJPEG, ICR, </t>
    </r>
    <r>
      <rPr>
        <b/>
        <sz val="10"/>
        <color rgb="FFFF0000"/>
        <rFont val="Calibri"/>
        <family val="2"/>
      </rPr>
      <t>0.02Lux</t>
    </r>
    <r>
      <rPr>
        <sz val="10"/>
        <rFont val="Calibri"/>
        <family val="2"/>
      </rPr>
      <t xml:space="preserve"> минимальная освещенность, </t>
    </r>
    <r>
      <rPr>
        <b/>
        <sz val="10"/>
        <color rgb="FFFF0000"/>
        <rFont val="Calibri"/>
        <family val="2"/>
      </rPr>
      <t>слот карты памяти - micro SD до 128 Гб,</t>
    </r>
    <r>
      <rPr>
        <sz val="10"/>
        <rFont val="Calibri"/>
        <family val="2"/>
      </rPr>
      <t xml:space="preserve"> IP67, IK10; -40°C до +60°C; 12V, PoE (IEEE802.3 af), 2KV, Потребляемая мощность: макс. 3.5 Вт. 0.45кг  Металлическое основание. Обнаружение человеческа, вторжение, детекция движения - до 4 обл., OSD до 4 обл., приватность - до 4 обл., ROI -  до 8 обл.</t>
    </r>
  </si>
  <si>
    <r>
      <t xml:space="preserve">Видеокамера IP Купольная 2 Мп с ИК подсветкой до 30м, фикс. объектив 2.8/4.0мм 1/2.7" CMOS,  угол обзора 112.7°/91.2°, ICR, 1080P (1920x1080):30к/с, 720P (1280*720), 30к/с, два видеопотока, </t>
    </r>
    <r>
      <rPr>
        <b/>
        <sz val="10"/>
        <color rgb="FFFF0000"/>
        <rFont val="Calibri"/>
        <family val="2"/>
      </rPr>
      <t>WDR 120db</t>
    </r>
    <r>
      <rPr>
        <sz val="10"/>
        <rFont val="Calibri"/>
        <family val="2"/>
      </rPr>
      <t xml:space="preserve">, Ultra 265/H.264/MJPEG, ICR, </t>
    </r>
    <r>
      <rPr>
        <b/>
        <sz val="10"/>
        <color rgb="FFFF0000"/>
        <rFont val="Calibri"/>
        <family val="2"/>
      </rPr>
      <t>0.02Lux</t>
    </r>
    <r>
      <rPr>
        <sz val="10"/>
        <rFont val="Calibri"/>
        <family val="2"/>
      </rPr>
      <t xml:space="preserve"> минимальная освещенность, встроенный микрофон, </t>
    </r>
    <r>
      <rPr>
        <b/>
        <sz val="10"/>
        <color rgb="FFFF0000"/>
        <rFont val="Calibri"/>
        <family val="2"/>
      </rPr>
      <t>слот карты памяти - micro SD до 128 Гб,</t>
    </r>
    <r>
      <rPr>
        <sz val="10"/>
        <rFont val="Calibri"/>
        <family val="2"/>
      </rPr>
      <t xml:space="preserve"> IP67; -40°C до +60°C; 12V, PoE (IEEE802.3 af), 2KV, Потребляемая мощность: макс. 3.5 Вт. 0.45кг  Металлическое основание. Обнаружение человеческа, вторжение, детекция движения - до 4 обл., OSD до 4 обл., приватность - до 4 обл., ROI -  до 8 обл.</t>
    </r>
  </si>
  <si>
    <r>
      <t xml:space="preserve">Видеокамера IP Купольная антивандальная </t>
    </r>
    <r>
      <rPr>
        <b/>
        <sz val="11"/>
        <rFont val="Calibri"/>
        <family val="2"/>
      </rPr>
      <t>4 Мп</t>
    </r>
    <r>
      <rPr>
        <sz val="11"/>
        <rFont val="Calibri"/>
        <family val="2"/>
      </rPr>
      <t xml:space="preserve"> с ИК подсветкой до 30м, фикс. объектив 2.8/4.0 мм 1/3" CMOS, угол обзора 105.3°/79.7°,  ICR, 2688x1520:25fps, 720P (1280*720):25fps, два видеопотока, WDR 120dB, Ultra 265/H.264/MJPEG, ICR, 0.005Lux (F2.0, AGC ON)  минимальная освещенность, слот карты памяти Micro SD 256GB, IP67, 2KV, IK10; -40°C до +60°C; 12V, PoE (IEEE802.3 af), Потребляемая мощность: макс. 3.5 Вт. Металлическое оснеование.</t>
    </r>
  </si>
  <si>
    <r>
      <t xml:space="preserve">Видеокамера IP Купольная </t>
    </r>
    <r>
      <rPr>
        <b/>
        <sz val="11"/>
        <rFont val="Calibri"/>
        <family val="2"/>
      </rPr>
      <t>4 Мп</t>
    </r>
    <r>
      <rPr>
        <sz val="11"/>
        <rFont val="Calibri"/>
        <family val="2"/>
      </rPr>
      <t xml:space="preserve"> с ИК подсветкой до 30м, фикс. объектив 2.8/4.0 мм 1/3" CMOS,  угол обзора  105.3°/ 79.7°, ICR, два видеопотока - Main Stream: 4MP (2688*1520), Max 25fps; 4MP (2560*1440), Max 25fps; 3MP (2304*1296), Max 30fps; 2MP (1920*1080), Max 30fps; Sub Stream: 720P (1280*720), Max 25fps, WDR 120dB, Ultra 265/H.264/MJPEG, ICR, 0.005Lux (F2.0, AGC ON) минимальная освещенность, втроенный микрофон, Micro SD до 256 Гб, -40°C до +50°C; 12V, PoE (IEEE802.3 af), Потребляемая мощность: макс. 3 Вт., 0.35кг. Металлическое основание.</t>
    </r>
  </si>
  <si>
    <t>IPC2124SB-ADF28KM-I0</t>
  </si>
  <si>
    <t>IPC2124SB-ADF28KM-I0-RU</t>
  </si>
  <si>
    <t>IPC2124SB-ADF40KM-I0</t>
  </si>
  <si>
    <t>IPC2124SB-ADF40KM-I0-RU</t>
  </si>
  <si>
    <t>IPC324SB-DF28K-I0</t>
  </si>
  <si>
    <t>IPC324SB-DF40K-I0</t>
  </si>
  <si>
    <t>IPC324SB-DF28K-I0-RU</t>
  </si>
  <si>
    <t>IPC324SB-DF40K-I0-RU</t>
  </si>
  <si>
    <r>
      <t xml:space="preserve">Видеокамера IP Уличная цилиндрическая </t>
    </r>
    <r>
      <rPr>
        <b/>
        <sz val="11"/>
        <color rgb="FFFF0000"/>
        <rFont val="Calibri"/>
        <family val="2"/>
      </rPr>
      <t>4 Мп</t>
    </r>
    <r>
      <rPr>
        <sz val="11"/>
        <color rgb="FFFF0000"/>
        <rFont val="Calibri"/>
        <family val="2"/>
      </rPr>
      <t xml:space="preserve"> </t>
    </r>
    <r>
      <rPr>
        <sz val="11"/>
        <rFont val="Calibri"/>
        <family val="2"/>
      </rPr>
      <t xml:space="preserve">с ИК подсветкой до 30 м., фикс.  объектив 2,8мм/ 4мм, 1/3" CMOS, угол обзора 107.8°/82.0°, ICR,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слот для Карты памяти </t>
    </r>
    <r>
      <rPr>
        <b/>
        <sz val="11"/>
        <color rgb="FFFF0000"/>
        <rFont val="Calibri"/>
        <family val="2"/>
      </rPr>
      <t>Micro SD 256GB</t>
    </r>
    <r>
      <rPr>
        <sz val="11"/>
        <rFont val="Calibri"/>
        <family val="2"/>
      </rPr>
      <t xml:space="preserve">, </t>
    </r>
    <r>
      <rPr>
        <b/>
        <sz val="11"/>
        <color rgb="FFFF0000"/>
        <rFont val="Calibri"/>
        <family val="2"/>
      </rPr>
      <t>втроенный микрофон</t>
    </r>
    <r>
      <rPr>
        <sz val="11"/>
        <rFont val="Calibri"/>
        <family val="2"/>
      </rPr>
      <t>.  4MP (2592*1520), Max 30fps; 4MP (2560*1440), Max 30fps, тройной видеопоток, Smart функции - Детекция движения, вторжение в зону, обнаружение вмешательства, аудио детекция, вторжение в область  и др.  IP67; -40°C до +60°C; 12V, PoE (IEEE802.3 af), Потребляемая мощность: макс. 6,4 Вт</t>
    </r>
  </si>
  <si>
    <t>IPC3614SB-ADF28KM-I0</t>
  </si>
  <si>
    <t>IPC3614SB-ADF40KM-I0</t>
  </si>
  <si>
    <t>IPC3614SB-ADF28KM-I0-RU</t>
  </si>
  <si>
    <t>IPC3614SB-ADF40KM-I0-RU</t>
  </si>
  <si>
    <r>
      <t xml:space="preserve">Видеокамера IP Уличная цилиндрическая </t>
    </r>
    <r>
      <rPr>
        <b/>
        <sz val="11"/>
        <rFont val="Calibri"/>
        <family val="2"/>
      </rPr>
      <t>антивандальная</t>
    </r>
    <r>
      <rPr>
        <sz val="11"/>
        <rFont val="Calibri"/>
        <family val="2"/>
      </rPr>
      <t xml:space="preserve"> </t>
    </r>
    <r>
      <rPr>
        <b/>
        <sz val="11"/>
        <color rgb="FFFF0000"/>
        <rFont val="Calibri"/>
        <family val="2"/>
      </rPr>
      <t>2 Мп</t>
    </r>
    <r>
      <rPr>
        <sz val="11"/>
        <rFont val="Calibri"/>
        <family val="2"/>
      </rPr>
      <t xml:space="preserve"> с ИК подсветкой</t>
    </r>
    <r>
      <rPr>
        <b/>
        <sz val="11"/>
        <color rgb="FFFF0000"/>
        <rFont val="Calibri"/>
        <family val="2"/>
      </rPr>
      <t xml:space="preserve"> до 50 м</t>
    </r>
    <r>
      <rPr>
        <sz val="11"/>
        <rFont val="Calibri"/>
        <family val="2"/>
      </rPr>
      <t xml:space="preserve">., моторизированный объектив 2.7-13.5мм, 1/2.8" CMOS, угол обзора 121.36°~ 33.51°,  Ultra 265/H.264/MJPEG, </t>
    </r>
    <r>
      <rPr>
        <b/>
        <sz val="11"/>
        <color rgb="FFFF0000"/>
        <rFont val="Calibri"/>
        <family val="2"/>
      </rPr>
      <t>WDR 120dB</t>
    </r>
    <r>
      <rPr>
        <sz val="11"/>
        <rFont val="Calibri"/>
        <family val="2"/>
      </rPr>
      <t xml:space="preserve">, Super Starlight: </t>
    </r>
    <r>
      <rPr>
        <b/>
        <sz val="11"/>
        <color rgb="FFFF0000"/>
        <rFont val="Calibri"/>
        <family val="2"/>
      </rPr>
      <t>0.0005 Lux</t>
    </r>
    <r>
      <rPr>
        <sz val="11"/>
        <rFont val="Calibri"/>
        <family val="2"/>
      </rPr>
      <t xml:space="preserve"> (F1.2, AGC ON) минимальная освещенность, cлот micro SD (256Gb), тревожные ввод/вывод 1/1, Audio ввод/вывод 1/1. Тройной видеопоток - Основной поток: 2MP (1920*1080), Max 30fps; 720P (1280*720), Max 30fps;
второй поток: 720P (1280*720), Max 30fps; D1 (720*576), Max 30fps; 640*360,Max 30fps; 2CIF(704*288), Max 30fps; CIF(352*288), Max 30fps; Третий поток: D1 (720*576), Max 30fps; 640*360,Max 30fps; 2CIF(704*288), Max 30fps; CIF(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t>
    </r>
    <r>
      <rPr>
        <b/>
        <sz val="11"/>
        <color rgb="FFFF0000"/>
        <rFont val="Calibri"/>
        <family val="2"/>
      </rPr>
      <t>IK10</t>
    </r>
    <r>
      <rPr>
        <sz val="11"/>
        <rFont val="Calibri"/>
        <family val="2"/>
      </rPr>
      <t>, IP67; -40°C до +60°C; 12V, PoE (IEEE802.3 af), 0.93kg, Потребляемая мощность: макс. 9 Вт.</t>
    </r>
  </si>
  <si>
    <r>
      <t xml:space="preserve">Видеокамера IP Уличная цилиндрическая </t>
    </r>
    <r>
      <rPr>
        <b/>
        <sz val="11"/>
        <rFont val="Calibri"/>
        <family val="2"/>
      </rPr>
      <t xml:space="preserve">антивандальная </t>
    </r>
    <r>
      <rPr>
        <b/>
        <sz val="11"/>
        <color rgb="FFFF0000"/>
        <rFont val="Calibri"/>
        <family val="2"/>
      </rPr>
      <t>4 Мп</t>
    </r>
    <r>
      <rPr>
        <sz val="11"/>
        <rFont val="Calibri"/>
        <family val="2"/>
      </rPr>
      <t xml:space="preserve"> с ИК подсветкой</t>
    </r>
    <r>
      <rPr>
        <b/>
        <sz val="11"/>
        <color rgb="FFFF0000"/>
        <rFont val="Calibri"/>
        <family val="2"/>
      </rPr>
      <t xml:space="preserve"> до 50 м</t>
    </r>
    <r>
      <rPr>
        <sz val="11"/>
        <rFont val="Calibri"/>
        <family val="2"/>
      </rPr>
      <t xml:space="preserve">., моторизированный объектив 2.7-13.5мм, 1/3" CMOS, угол обзора 98.26°~ 31.35°,  Ultra 265/H.264/MJPEG, </t>
    </r>
    <r>
      <rPr>
        <b/>
        <sz val="11"/>
        <color rgb="FFFF0000"/>
        <rFont val="Calibri"/>
        <family val="2"/>
      </rPr>
      <t>WDR 120dB</t>
    </r>
    <r>
      <rPr>
        <sz val="11"/>
        <rFont val="Calibri"/>
        <family val="2"/>
      </rPr>
      <t xml:space="preserve">, Lighthunter </t>
    </r>
    <r>
      <rPr>
        <b/>
        <sz val="11"/>
        <color rgb="FFFF0000"/>
        <rFont val="Calibri"/>
        <family val="2"/>
      </rPr>
      <t>0.001 Lux</t>
    </r>
    <r>
      <rPr>
        <sz val="11"/>
        <rFont val="Calibri"/>
        <family val="2"/>
      </rPr>
      <t xml:space="preserve"> (F1.2, AGC ON) минимальная освещенность, cлот micro SD (256Gb), тревожные ввод/вывод 1/1, Audio ввод/вывод 1/1. Тройной видеопоток - Основной поток: 4MP (2688*1520), Max 30fps;4MP (2560*1440), Max 30fps; 3MP (2304*1296), Max 25fps; 1080P (1920*1080), Max 30fps; второй поток: 720P (1280*720), Max 30fps; D1 (720*576), Max 30fps; 640*360,Max 30fps; 2CIF(704*288), Max 30fps; CIF(352*288), Max 30fps; Третий поток: D1 (720*576), Max 30fps; 640*360,Max 30fps; 2CIF(704*288), Max 30fps; CIF(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t>
    </r>
    <r>
      <rPr>
        <b/>
        <sz val="11"/>
        <color rgb="FFFF0000"/>
        <rFont val="Calibri"/>
        <family val="2"/>
      </rPr>
      <t>IK10</t>
    </r>
    <r>
      <rPr>
        <sz val="11"/>
        <rFont val="Calibri"/>
        <family val="2"/>
      </rPr>
      <t>, IP67; -40°C до +60°C; 12V, PoE (IEEE802.3 af), 0.93kg, Потребляемая мощность: макс. 8,5 Вт.</t>
    </r>
  </si>
  <si>
    <r>
      <t xml:space="preserve">Видеокамера IP Уличная цилиндрическая </t>
    </r>
    <r>
      <rPr>
        <b/>
        <sz val="11"/>
        <rFont val="Calibri"/>
        <family val="2"/>
      </rPr>
      <t xml:space="preserve">антивандальная </t>
    </r>
    <r>
      <rPr>
        <b/>
        <sz val="11"/>
        <color rgb="FFFF0000"/>
        <rFont val="Calibri"/>
        <family val="2"/>
      </rPr>
      <t>5 Мп</t>
    </r>
    <r>
      <rPr>
        <sz val="11"/>
        <rFont val="Calibri"/>
        <family val="2"/>
      </rPr>
      <t xml:space="preserve"> с ИК подсветкой</t>
    </r>
    <r>
      <rPr>
        <b/>
        <sz val="11"/>
        <color rgb="FFFF0000"/>
        <rFont val="Calibri"/>
        <family val="2"/>
      </rPr>
      <t xml:space="preserve"> до 50 м</t>
    </r>
    <r>
      <rPr>
        <sz val="11"/>
        <rFont val="Calibri"/>
        <family val="2"/>
      </rPr>
      <t xml:space="preserve">., моторизированный объектив 2.7-13.5мм, 1/2.7" CMOS, угол обзора 106.25°~ 30.42°,  Ultra 265/H.264/MJPEG, </t>
    </r>
    <r>
      <rPr>
        <b/>
        <sz val="11"/>
        <color rgb="FFFF0000"/>
        <rFont val="Calibri"/>
        <family val="2"/>
      </rPr>
      <t>WDR 120dB</t>
    </r>
    <r>
      <rPr>
        <sz val="11"/>
        <rFont val="Calibri"/>
        <family val="2"/>
      </rPr>
      <t xml:space="preserve">, </t>
    </r>
    <r>
      <rPr>
        <b/>
        <sz val="11"/>
        <color rgb="FFFF0000"/>
        <rFont val="Calibri"/>
        <family val="2"/>
      </rPr>
      <t>0.002 Lux</t>
    </r>
    <r>
      <rPr>
        <sz val="11"/>
        <rFont val="Calibri"/>
        <family val="2"/>
      </rPr>
      <t xml:space="preserve"> (F1.2, AGC ON) минимальная освещенность, cлот micro SD (256Gb), тревожные ввод/вывод 1/1, Audio ввод/вывод 1/1. Тройной видеопоток - Основной поток: 5MP (2880*1620), Max 25fps; 4MP (2560*1440), Max 25fps; 3MP (2304*1296), Max 25fps; 1080P (1920*1080), Max 30fps; второй поток: D1 (720*576), Max 30fps; Третий поток: CIF (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6KV, </t>
    </r>
    <r>
      <rPr>
        <b/>
        <sz val="11"/>
        <color rgb="FFFF0000"/>
        <rFont val="Calibri"/>
        <family val="2"/>
      </rPr>
      <t>IK10</t>
    </r>
    <r>
      <rPr>
        <sz val="11"/>
        <rFont val="Calibri"/>
        <family val="2"/>
      </rPr>
      <t>, IP67; -40°C до +60°C; 12V, PoE (IEEE802.3 af), металл, 1kg, Потребляемая мощность: макс. 9,5 Вт.</t>
    </r>
  </si>
  <si>
    <r>
      <t>Видеокамера IP Купольная антивандальная</t>
    </r>
    <r>
      <rPr>
        <b/>
        <sz val="11"/>
        <rFont val="Calibri"/>
        <family val="2"/>
      </rPr>
      <t xml:space="preserve"> </t>
    </r>
    <r>
      <rPr>
        <b/>
        <sz val="11"/>
        <color rgb="FFFF0000"/>
        <rFont val="Calibri"/>
        <family val="2"/>
      </rPr>
      <t>5 Мп</t>
    </r>
    <r>
      <rPr>
        <sz val="11"/>
        <rFont val="Calibri"/>
        <family val="2"/>
      </rPr>
      <t xml:space="preserve"> с ИК подсветкой</t>
    </r>
    <r>
      <rPr>
        <b/>
        <sz val="11"/>
        <color rgb="FFFF0000"/>
        <rFont val="Calibri"/>
        <family val="2"/>
      </rPr>
      <t xml:space="preserve"> до 40 м</t>
    </r>
    <r>
      <rPr>
        <sz val="11"/>
        <rFont val="Calibri"/>
        <family val="2"/>
      </rPr>
      <t xml:space="preserve">., моторизированный объектив 2.7-13.5мм, 1/2.7" CMOS, угол обзора 106.25°~ 30.42°,  Ultra 265/H.264/MJPEG, </t>
    </r>
    <r>
      <rPr>
        <b/>
        <sz val="11"/>
        <color rgb="FFFF0000"/>
        <rFont val="Calibri"/>
        <family val="2"/>
      </rPr>
      <t>WDR 120dB</t>
    </r>
    <r>
      <rPr>
        <sz val="11"/>
        <rFont val="Calibri"/>
        <family val="2"/>
      </rPr>
      <t xml:space="preserve">, </t>
    </r>
    <r>
      <rPr>
        <b/>
        <sz val="11"/>
        <color rgb="FFFF0000"/>
        <rFont val="Calibri"/>
        <family val="2"/>
      </rPr>
      <t>0.002 Lux</t>
    </r>
    <r>
      <rPr>
        <sz val="11"/>
        <rFont val="Calibri"/>
        <family val="2"/>
      </rPr>
      <t xml:space="preserve"> (F1.2, AGC ON) минимальная освещенность, cлот micro SD (256Gb), тревожные ввод/вывод 1/1, Audio ввод/вывод 1/1, </t>
    </r>
    <r>
      <rPr>
        <b/>
        <sz val="11"/>
        <color rgb="FFFF0000"/>
        <rFont val="Calibri"/>
        <family val="2"/>
      </rPr>
      <t>встроенный микрофон</t>
    </r>
    <r>
      <rPr>
        <sz val="11"/>
        <rFont val="Calibri"/>
        <family val="2"/>
      </rPr>
      <t xml:space="preserve">. Тройной видеопоток - Основной поток: 5MP (2880*1620), Max 25fps; 4MP (2560*1440), Max 25fps; 3MP (2304*1296), Max 25fps; 1080P (1920*1080), Max 30fps; второй поток: D1 (720*576), Max 30fps; Третий поток: CIF (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2KV, </t>
    </r>
    <r>
      <rPr>
        <b/>
        <sz val="11"/>
        <color rgb="FFFF0000"/>
        <rFont val="Calibri"/>
        <family val="2"/>
      </rPr>
      <t>IK10</t>
    </r>
    <r>
      <rPr>
        <sz val="11"/>
        <rFont val="Calibri"/>
        <family val="2"/>
      </rPr>
      <t>, IP67; -40°C до +60°C; 12V, PoE (IEEE802.3 af), металл+пластик, 0,45kg, Потребляемая мощность: макс. 5,5 Вт.</t>
    </r>
  </si>
  <si>
    <r>
      <t>Видеокамера IP Купольная антивандальная</t>
    </r>
    <r>
      <rPr>
        <b/>
        <sz val="11"/>
        <rFont val="Calibri"/>
        <family val="2"/>
      </rPr>
      <t xml:space="preserve"> </t>
    </r>
    <r>
      <rPr>
        <b/>
        <sz val="11"/>
        <color rgb="FFFF0000"/>
        <rFont val="Calibri"/>
        <family val="2"/>
      </rPr>
      <t>4 Мп</t>
    </r>
    <r>
      <rPr>
        <sz val="11"/>
        <rFont val="Calibri"/>
        <family val="2"/>
      </rPr>
      <t xml:space="preserve"> с ИК подсветкой</t>
    </r>
    <r>
      <rPr>
        <b/>
        <sz val="11"/>
        <color rgb="FFFF0000"/>
        <rFont val="Calibri"/>
        <family val="2"/>
      </rPr>
      <t xml:space="preserve"> до 40 м</t>
    </r>
    <r>
      <rPr>
        <sz val="11"/>
        <rFont val="Calibri"/>
        <family val="2"/>
      </rPr>
      <t xml:space="preserve">., моторизированный объектив 2.7-13.5мм, 1/3" CMOS, угол обзора 98.26°~ 31.35°,  Ultra 265/H.264/MJPEG, </t>
    </r>
    <r>
      <rPr>
        <b/>
        <sz val="11"/>
        <color rgb="FFFF0000"/>
        <rFont val="Calibri"/>
        <family val="2"/>
      </rPr>
      <t>WDR 120dB</t>
    </r>
    <r>
      <rPr>
        <sz val="11"/>
        <rFont val="Calibri"/>
        <family val="2"/>
      </rPr>
      <t xml:space="preserve">, </t>
    </r>
    <r>
      <rPr>
        <b/>
        <sz val="11"/>
        <color rgb="FFFF0000"/>
        <rFont val="Calibri"/>
        <family val="2"/>
      </rPr>
      <t>0.001 Lux</t>
    </r>
    <r>
      <rPr>
        <sz val="11"/>
        <rFont val="Calibri"/>
        <family val="2"/>
      </rPr>
      <t xml:space="preserve"> (F1.2, AGC ON) минимальная освещенность, cлот micro SD (256Gb), тревожные ввод/вывод 1/1, Audio ввод/вывод 1/1, встроенный микрофон. Тройной видеопоток - Основной поток: 4MP (2688*1520), Max 30fps;4MP (2560*1440), Max 30fps; 3MP (2304*1296), Max 25fps; 1080P (1920*1080), Max 30fps; второй поток: 720P (1280*720), Max 30fps; D1 (720*576), Max 30fps; 640*360,Max 30fps; 2CIF(704*288), Max 30fps; CIF(352*288), Max 30fps; Третий поток: D1 (720*576), Max 30fps; 640*360,Max 30fps; 2CIF(704*288), Max 30fps; CIF(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6KV, </t>
    </r>
    <r>
      <rPr>
        <b/>
        <sz val="11"/>
        <color rgb="FFFF0000"/>
        <rFont val="Calibri"/>
        <family val="2"/>
      </rPr>
      <t>IK10</t>
    </r>
    <r>
      <rPr>
        <sz val="11"/>
        <rFont val="Calibri"/>
        <family val="2"/>
      </rPr>
      <t>, IP67; -40°C до +60°C; 12V, PoE (IEEE802.3 af), 0.93kg, Потребляемая мощность: макс. 7,5 Вт.</t>
    </r>
  </si>
  <si>
    <r>
      <t xml:space="preserve">Видеокамера IP Купольная антивандальная </t>
    </r>
    <r>
      <rPr>
        <b/>
        <sz val="11"/>
        <color rgb="FFFF0000"/>
        <rFont val="Calibri"/>
        <family val="2"/>
      </rPr>
      <t>2 Мп</t>
    </r>
    <r>
      <rPr>
        <sz val="11"/>
        <rFont val="Calibri"/>
        <family val="2"/>
      </rPr>
      <t xml:space="preserve"> с ИК подсветкой</t>
    </r>
    <r>
      <rPr>
        <b/>
        <sz val="11"/>
        <color rgb="FFFF0000"/>
        <rFont val="Calibri"/>
        <family val="2"/>
      </rPr>
      <t xml:space="preserve"> до 40 м</t>
    </r>
    <r>
      <rPr>
        <sz val="11"/>
        <rFont val="Calibri"/>
        <family val="2"/>
      </rPr>
      <t xml:space="preserve">., моторизированный объектив 2.7-13.5мм, 1/2.8" CMOS, угол обзора 107.4°~ 29.2°,  Ultra 265/H.264/MJPEG, </t>
    </r>
    <r>
      <rPr>
        <b/>
        <sz val="11"/>
        <color rgb="FFFF0000"/>
        <rFont val="Calibri"/>
        <family val="2"/>
      </rPr>
      <t>WDR 120dB</t>
    </r>
    <r>
      <rPr>
        <sz val="11"/>
        <rFont val="Calibri"/>
        <family val="2"/>
      </rPr>
      <t xml:space="preserve">, Super Starlight: </t>
    </r>
    <r>
      <rPr>
        <b/>
        <sz val="11"/>
        <color rgb="FFFF0000"/>
        <rFont val="Calibri"/>
        <family val="2"/>
      </rPr>
      <t>0.0005 Lux</t>
    </r>
    <r>
      <rPr>
        <sz val="11"/>
        <rFont val="Calibri"/>
        <family val="2"/>
      </rPr>
      <t xml:space="preserve"> (F1.2, AGC ON) минимальная освещенность, cлот micro SD (256Gb), тревожные ввод/вывод 1/1, Audio ввод/вывод 1/1, встроенный микрофон. Тройной видеопоток - Основной поток: 2MP (1920*1080), Max 30fps; 720P (1280*720), Max 30fps; второй поток: 720P (1280*720), Max 30fps; D1 (720*576), Max 30fps; 640*360,Max 30fps; 2CIF(704*288), Max 30fps; CIF(352*288), Max 30fps; Третий поток: D1 (720*576), Max 30fps; 640*360,Max 30fps; 2CIF(704*288), Max 30fps; CIF(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6KV, </t>
    </r>
    <r>
      <rPr>
        <b/>
        <sz val="11"/>
        <color rgb="FFFF0000"/>
        <rFont val="Calibri"/>
        <family val="2"/>
      </rPr>
      <t>IK10</t>
    </r>
    <r>
      <rPr>
        <sz val="11"/>
        <rFont val="Calibri"/>
        <family val="2"/>
      </rPr>
      <t>, IP67; -40°C до +60°C; 12V, PoE (IEEE802.3 af), 0.92kg, Потребляемая мощность: макс. 7,5 Вт.</t>
    </r>
  </si>
  <si>
    <r>
      <t xml:space="preserve">Видеокамера IP Купольная антивандальная </t>
    </r>
    <r>
      <rPr>
        <b/>
        <sz val="11"/>
        <color rgb="FFFF0000"/>
        <rFont val="Calibri"/>
        <family val="2"/>
      </rPr>
      <t>2 Мп</t>
    </r>
    <r>
      <rPr>
        <sz val="11"/>
        <rFont val="Calibri"/>
        <family val="2"/>
      </rPr>
      <t xml:space="preserve"> с ИК подсветкой</t>
    </r>
    <r>
      <rPr>
        <b/>
        <sz val="11"/>
        <color rgb="FFFF0000"/>
        <rFont val="Calibri"/>
        <family val="2"/>
      </rPr>
      <t xml:space="preserve"> до 40 м</t>
    </r>
    <r>
      <rPr>
        <sz val="11"/>
        <rFont val="Calibri"/>
        <family val="2"/>
      </rPr>
      <t xml:space="preserve">., моторизированный объектив 2.7-13.5мм, 1/2.8" CMOS, угол обзора 107.4°~ 29.2°,  Ultra 265/H.264/MJPEG, </t>
    </r>
    <r>
      <rPr>
        <b/>
        <sz val="11"/>
        <color rgb="FFFF0000"/>
        <rFont val="Calibri"/>
        <family val="2"/>
      </rPr>
      <t>WDR 120dB</t>
    </r>
    <r>
      <rPr>
        <sz val="11"/>
        <rFont val="Calibri"/>
        <family val="2"/>
      </rPr>
      <t xml:space="preserve">, Super Starlight: </t>
    </r>
    <r>
      <rPr>
        <b/>
        <sz val="11"/>
        <color rgb="FFFF0000"/>
        <rFont val="Calibri"/>
        <family val="2"/>
      </rPr>
      <t>0.0005 Lux</t>
    </r>
    <r>
      <rPr>
        <sz val="11"/>
        <rFont val="Calibri"/>
        <family val="2"/>
      </rPr>
      <t xml:space="preserve"> (F1.2, AGC ON) минимальная освещенность, </t>
    </r>
    <r>
      <rPr>
        <b/>
        <sz val="11"/>
        <color rgb="FFFF0000"/>
        <rFont val="Calibri"/>
        <family val="2"/>
      </rPr>
      <t>cлот micro SD (256Gb), встроенный микрофон</t>
    </r>
    <r>
      <rPr>
        <sz val="11"/>
        <rFont val="Calibri"/>
        <family val="2"/>
      </rPr>
      <t xml:space="preserve">. Тройной видеопоток - Основной поток: 2MP (1920*1080), Max 30fps; 720P (1280*720), Max 30fps; второй поток: 720P (1280*720), Max 30fps; D1 (720*576), Max 30fps; 640*360,Max 30fps; 2CIF(704*288), Max 30fps; CIF(352*288), Max 30fps; Третий поток: D1 (720*576), Max 30fps; 640*360,Max 30fps; 2CIF(704*288), Max 30fps; CIF(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6KV, </t>
    </r>
    <r>
      <rPr>
        <b/>
        <sz val="11"/>
        <color rgb="FFFF0000"/>
        <rFont val="Calibri"/>
        <family val="2"/>
      </rPr>
      <t>IK10</t>
    </r>
    <r>
      <rPr>
        <sz val="11"/>
        <rFont val="Calibri"/>
        <family val="2"/>
      </rPr>
      <t>, IP67; -40°C до +60°C; 12V, PoE (IEEE802.3 af), металл,  0.69kg, кнопка сброса. Потребляемая мощность: макс. 7 Вт.</t>
    </r>
  </si>
  <si>
    <r>
      <t>Видеокамера IP Купольная антивандальная</t>
    </r>
    <r>
      <rPr>
        <b/>
        <sz val="11"/>
        <rFont val="Calibri"/>
        <family val="2"/>
      </rPr>
      <t xml:space="preserve"> </t>
    </r>
    <r>
      <rPr>
        <b/>
        <sz val="11"/>
        <color rgb="FFFF0000"/>
        <rFont val="Calibri"/>
        <family val="2"/>
      </rPr>
      <t>4 Мп</t>
    </r>
    <r>
      <rPr>
        <sz val="11"/>
        <rFont val="Calibri"/>
        <family val="2"/>
      </rPr>
      <t xml:space="preserve"> с ИК подсветкой</t>
    </r>
    <r>
      <rPr>
        <b/>
        <sz val="11"/>
        <color rgb="FFFF0000"/>
        <rFont val="Calibri"/>
        <family val="2"/>
      </rPr>
      <t xml:space="preserve"> до 40 м</t>
    </r>
    <r>
      <rPr>
        <sz val="11"/>
        <rFont val="Calibri"/>
        <family val="2"/>
      </rPr>
      <t xml:space="preserve">., моторизированный объектив 2.7-13.5мм, 1/3" CMOS, угол обзора 98.26°~ 31.35°,  Ultra 265/H.264/MJPEG, </t>
    </r>
    <r>
      <rPr>
        <b/>
        <sz val="11"/>
        <color rgb="FFFF0000"/>
        <rFont val="Calibri"/>
        <family val="2"/>
      </rPr>
      <t>WDR 120dB</t>
    </r>
    <r>
      <rPr>
        <sz val="11"/>
        <rFont val="Calibri"/>
        <family val="2"/>
      </rPr>
      <t xml:space="preserve">, </t>
    </r>
    <r>
      <rPr>
        <b/>
        <sz val="11"/>
        <color rgb="FFFF0000"/>
        <rFont val="Calibri"/>
        <family val="2"/>
      </rPr>
      <t>0.001 Lux</t>
    </r>
    <r>
      <rPr>
        <sz val="11"/>
        <rFont val="Calibri"/>
        <family val="2"/>
      </rPr>
      <t xml:space="preserve"> (F1.2, AGC ON) минимальная освещенность, </t>
    </r>
    <r>
      <rPr>
        <b/>
        <sz val="11"/>
        <color rgb="FFFF0000"/>
        <rFont val="Calibri"/>
        <family val="2"/>
      </rPr>
      <t>cлот micro SD (256Gb), встроенный микрофо</t>
    </r>
    <r>
      <rPr>
        <sz val="11"/>
        <rFont val="Calibri"/>
        <family val="2"/>
      </rPr>
      <t xml:space="preserve">н. Тройной видеопоток - Основной поток: 4MP (2688*1520), Max 30fps;4MP (2560*1440), Max 30fps; 3MP (2304*1296), Max 25fps; 1080P (1920*1080), Max 30fps; второй поток: 720P (1280*720), Max 30fps; D1 (720*576), Max 30fps; 640*360,Max 30fps; 2CIF(704*288), Max 30fps; CIF(352*288), Max 30fps; Третий поток: D1 (720*576), Max 30fps; 640*360,Max 30fps; 2CIF(704*288), Max 30fps; CIF(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6KV, </t>
    </r>
    <r>
      <rPr>
        <b/>
        <sz val="11"/>
        <color rgb="FFFF0000"/>
        <rFont val="Calibri"/>
        <family val="2"/>
      </rPr>
      <t>IK10</t>
    </r>
    <r>
      <rPr>
        <sz val="11"/>
        <rFont val="Calibri"/>
        <family val="2"/>
      </rPr>
      <t>, IP67; -40°C до +60°C; 12V, PoE (IEEE802.3 af), 0.69kg, Потребляемая мощность: макс. 7 Вт.</t>
    </r>
  </si>
  <si>
    <r>
      <t>Видеокамера IP Купольная антивандальная</t>
    </r>
    <r>
      <rPr>
        <b/>
        <sz val="11"/>
        <rFont val="Calibri"/>
        <family val="2"/>
      </rPr>
      <t xml:space="preserve"> </t>
    </r>
    <r>
      <rPr>
        <b/>
        <sz val="11"/>
        <color rgb="FFFF0000"/>
        <rFont val="Calibri"/>
        <family val="2"/>
      </rPr>
      <t>5 Мп</t>
    </r>
    <r>
      <rPr>
        <sz val="11"/>
        <rFont val="Calibri"/>
        <family val="2"/>
      </rPr>
      <t xml:space="preserve"> с ИК подсветкой</t>
    </r>
    <r>
      <rPr>
        <b/>
        <sz val="11"/>
        <color rgb="FFFF0000"/>
        <rFont val="Calibri"/>
        <family val="2"/>
      </rPr>
      <t xml:space="preserve"> до 40 м</t>
    </r>
    <r>
      <rPr>
        <sz val="11"/>
        <rFont val="Calibri"/>
        <family val="2"/>
      </rPr>
      <t xml:space="preserve">., моторизированный объектив 2.7-13.5мм, 1/2.7" CMOS, угол обзора 106.25°~ 30.42°,  Ultra 265/H.264/MJPEG, </t>
    </r>
    <r>
      <rPr>
        <b/>
        <sz val="11"/>
        <color rgb="FFFF0000"/>
        <rFont val="Calibri"/>
        <family val="2"/>
      </rPr>
      <t>WDR 120dB</t>
    </r>
    <r>
      <rPr>
        <sz val="11"/>
        <rFont val="Calibri"/>
        <family val="2"/>
      </rPr>
      <t xml:space="preserve">, </t>
    </r>
    <r>
      <rPr>
        <b/>
        <sz val="11"/>
        <color rgb="FFFF0000"/>
        <rFont val="Calibri"/>
        <family val="2"/>
      </rPr>
      <t>0.002 Lux</t>
    </r>
    <r>
      <rPr>
        <sz val="11"/>
        <rFont val="Calibri"/>
        <family val="2"/>
      </rPr>
      <t xml:space="preserve"> (F1.2, AGC ON) минимальная освещенность, </t>
    </r>
    <r>
      <rPr>
        <b/>
        <sz val="11"/>
        <color rgb="FFFF0000"/>
        <rFont val="Calibri"/>
        <family val="2"/>
      </rPr>
      <t>cлот micro SD (256Gb),</t>
    </r>
    <r>
      <rPr>
        <sz val="11"/>
        <rFont val="Calibri"/>
        <family val="2"/>
      </rPr>
      <t xml:space="preserve"> </t>
    </r>
    <r>
      <rPr>
        <b/>
        <sz val="11"/>
        <color rgb="FFFF0000"/>
        <rFont val="Calibri"/>
        <family val="2"/>
      </rPr>
      <t>встроенный микрофон</t>
    </r>
    <r>
      <rPr>
        <sz val="11"/>
        <rFont val="Calibri"/>
        <family val="2"/>
      </rPr>
      <t xml:space="preserve">. Тройной видеопоток - Основной поток: 5MP (2880*1620), Max 25fps; 4MP (2560*1440), Max 25fps; 3MP (2304*1296), Max 25fps; 1080P (1920*1080), Max 30fps; второй поток: D1 (720*576), Max 30fps; Третий поток: CIF (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6KV, </t>
    </r>
    <r>
      <rPr>
        <b/>
        <sz val="11"/>
        <color rgb="FFFF0000"/>
        <rFont val="Calibri"/>
        <family val="2"/>
      </rPr>
      <t>IK10</t>
    </r>
    <r>
      <rPr>
        <sz val="11"/>
        <rFont val="Calibri"/>
        <family val="2"/>
      </rPr>
      <t>, IP67; -40°C до +60°C; 12V, PoE (IEEE802.3 af), металл, 0,67kg, Потребляемая мощность: макс. 8,16 Вт.</t>
    </r>
  </si>
  <si>
    <t>IPC675LFW-AX4DUPKC-VG</t>
  </si>
  <si>
    <t>IPC675LFW-AX4DUPKC-VG-RU</t>
  </si>
  <si>
    <r>
      <t xml:space="preserve">Видеокамера IP Уличная цилиндрическая </t>
    </r>
    <r>
      <rPr>
        <b/>
        <sz val="11"/>
        <color rgb="FFFF0000"/>
        <rFont val="Calibri"/>
        <family val="2"/>
      </rPr>
      <t>2 Мп</t>
    </r>
    <r>
      <rPr>
        <sz val="11"/>
        <rFont val="Calibri"/>
        <family val="2"/>
      </rPr>
      <t xml:space="preserve"> с ИК подсветкой </t>
    </r>
    <r>
      <rPr>
        <b/>
        <sz val="11"/>
        <color rgb="FFFF0000"/>
        <rFont val="Calibri"/>
        <family val="2"/>
      </rPr>
      <t>до 40 м</t>
    </r>
    <r>
      <rPr>
        <sz val="11"/>
        <rFont val="Calibri"/>
        <family val="2"/>
      </rPr>
      <t xml:space="preserve">., фикс.  объектив 2.8мм/ 4мм, 1/2.8" CMOS, угол обзора 106.7°/87.5°,Ultra 265/H.264/MJPEG, WDR 120dB, </t>
    </r>
    <r>
      <rPr>
        <b/>
        <sz val="11"/>
        <color rgb="FFFF0000"/>
        <rFont val="Calibri"/>
        <family val="2"/>
      </rPr>
      <t>0.001 Lux</t>
    </r>
    <r>
      <rPr>
        <sz val="11"/>
        <rFont val="Calibri"/>
        <family val="2"/>
      </rPr>
      <t xml:space="preserve"> минимальная освещенность, </t>
    </r>
    <r>
      <rPr>
        <b/>
        <sz val="11"/>
        <color rgb="FFFF0000"/>
        <rFont val="Calibri"/>
        <family val="2"/>
      </rPr>
      <t>слот micro SD (256Gb), втроенный микрофон</t>
    </r>
    <r>
      <rPr>
        <sz val="11"/>
        <rFont val="Calibri"/>
        <family val="2"/>
      </rPr>
      <t>.   тройной видеопотока -  Основной: 2MP (1920*1080), Max 30fps; 720P (1280*720), Max 30fps; второй: 720P (1280*720), Max 30fps; D1 (720*576), Max 30fps; 640*360,Max 30fps; 2CIF(704*288), Max 30fps; CIF(352*288), Max 30fps; третий: D1 (720*576), Max 30fps; 640*360,Max 30fps; 2CIF(704*288), Max 30fps; CIF(352*288), Max 30fps, . Smart функции - Вторжение в зону, пересечение линий, детекция человека, защита периметра, детекция движения, аудио детекция. 2KV, IP67; -40°C до +60°C; 12V, PoE (IEEE802.3 af), 0.425kg, Потребляемая мощность: макс. 5 Вт</t>
    </r>
  </si>
  <si>
    <r>
      <t xml:space="preserve">Видеокамера IP Уличная цилиндрическая </t>
    </r>
    <r>
      <rPr>
        <b/>
        <sz val="11"/>
        <color rgb="FFFF0000"/>
        <rFont val="Calibri"/>
        <family val="2"/>
      </rPr>
      <t>4 Мп</t>
    </r>
    <r>
      <rPr>
        <sz val="11"/>
        <rFont val="Calibri"/>
        <family val="2"/>
      </rPr>
      <t xml:space="preserve"> с ИК подсветкой </t>
    </r>
    <r>
      <rPr>
        <b/>
        <sz val="11"/>
        <color rgb="FFFF0000"/>
        <rFont val="Calibri"/>
        <family val="2"/>
      </rPr>
      <t>до 40 м</t>
    </r>
    <r>
      <rPr>
        <sz val="11"/>
        <rFont val="Calibri"/>
        <family val="2"/>
      </rPr>
      <t xml:space="preserve">., фикс.  объектив 2.8мм/ 4мм, 1/3" CMOS, угол обзора 101.1°/83.7°, Ultra 265/H.264/MJPEG, WDR 120dB, </t>
    </r>
    <r>
      <rPr>
        <b/>
        <sz val="11"/>
        <color rgb="FFFF0000"/>
        <rFont val="Calibri"/>
        <family val="2"/>
      </rPr>
      <t>0.003 Lux</t>
    </r>
    <r>
      <rPr>
        <sz val="11"/>
        <rFont val="Calibri"/>
        <family val="2"/>
      </rPr>
      <t xml:space="preserve"> минимальная освещенность, </t>
    </r>
    <r>
      <rPr>
        <b/>
        <sz val="11"/>
        <color rgb="FFFF0000"/>
        <rFont val="Calibri"/>
        <family val="2"/>
      </rPr>
      <t>слот micro SD (256Gb), втроенный микрофон</t>
    </r>
    <r>
      <rPr>
        <sz val="11"/>
        <rFont val="Calibri"/>
        <family val="2"/>
      </rPr>
      <t>.  тройной видеопотока Основной: 4MP (2688*1520), Max 30fps;4MP (2560*1440), Max 30fps; 3MP (2304*1296), Max 25fps; 1080P (1920*1080), Max 30fps; Второй: 720P (1280*720), Max 30fps; D1 (720*576), Max 30fps; 640*360,Max 30fps; 2CIF(704*288), Max 30fps; CIF(352*288), Max 30fps; Третий: D1 (720*576), Max 30fps; 640*360,Max 30fps; 2CIF(704*288), Max 30fps; CIF(352*288), Max 30fps,  Smart функции - Вторжение в зону, пересечение линий, детекция человека, защита периметра, детекция движения, аудио детекция. 2KV, IP67; -40°C до +60°C; 12V, PoE (IEEE802.3 af), 0.425kg, Потребляемая мощность: макс. 5 Вт</t>
    </r>
  </si>
  <si>
    <r>
      <t xml:space="preserve">Видеокамера IP Купольная антивандальная </t>
    </r>
    <r>
      <rPr>
        <b/>
        <sz val="11"/>
        <color rgb="FFFF0000"/>
        <rFont val="Calibri"/>
        <family val="2"/>
      </rPr>
      <t>2 Мп</t>
    </r>
    <r>
      <rPr>
        <sz val="11"/>
        <rFont val="Calibri"/>
        <family val="2"/>
      </rPr>
      <t xml:space="preserve"> с ИК подсветкой </t>
    </r>
    <r>
      <rPr>
        <b/>
        <sz val="11"/>
        <rFont val="Calibri"/>
        <family val="2"/>
      </rPr>
      <t>до 30 м</t>
    </r>
    <r>
      <rPr>
        <sz val="11"/>
        <rFont val="Calibri"/>
        <family val="2"/>
      </rPr>
      <t xml:space="preserve">., фикс.  объектив 2.8мм/ 4мм, 1/2.8" CMOS, угол обзора 106.7°/87.5°,  Ultra 265/H.264/MJPEG, WDR 120dB, </t>
    </r>
    <r>
      <rPr>
        <b/>
        <sz val="11"/>
        <color rgb="FFFF0000"/>
        <rFont val="Calibri"/>
        <family val="2"/>
      </rPr>
      <t>0.001 Lux</t>
    </r>
    <r>
      <rPr>
        <sz val="11"/>
        <rFont val="Calibri"/>
        <family val="2"/>
      </rPr>
      <t xml:space="preserve"> минимальная освещенность, </t>
    </r>
    <r>
      <rPr>
        <b/>
        <sz val="11"/>
        <color rgb="FFFF0000"/>
        <rFont val="Calibri"/>
        <family val="2"/>
      </rPr>
      <t>слот micro SD (256Gb), тревожные ввод/вывод 1/1, Audio ввод/вывод 1/1</t>
    </r>
    <r>
      <rPr>
        <sz val="11"/>
        <rFont val="Calibri"/>
        <family val="2"/>
      </rPr>
      <t>.  тройной видеопотока -  Основной: 2MP (1920*1080), Max 30fps; 720P (1280*720), Max 30fps; второй: 720P (1280*720), Max 30fps; D1 (720*576), Max 30fps; 640*360,Max 30fps; 2CIF(704*288), Max 30fps; CIF(352*288), Max 30fps; третий: D1 (720*576), Max 30fps; 640*360,Max 30fps; 2CIF(704*288), Max 30fps; CIF(352*288), Max 30fps, Smart функции - Вторжение в зону, пересечение линий, детекция человека, защита периметра, детекция движения, аудио детекция. 2KV, IP67, IK10; -40°C до +60°C; 12V, PoE (IEEE802.3 af), 0.425kg, Потребляемая мощность: макс. 4,5 Вт</t>
    </r>
  </si>
  <si>
    <r>
      <t xml:space="preserve">Видеокамера IP Купольная антивандальная </t>
    </r>
    <r>
      <rPr>
        <b/>
        <sz val="11"/>
        <color rgb="FFFF0000"/>
        <rFont val="Calibri"/>
        <family val="2"/>
      </rPr>
      <t>4 Мп</t>
    </r>
    <r>
      <rPr>
        <sz val="11"/>
        <rFont val="Calibri"/>
        <family val="2"/>
      </rPr>
      <t xml:space="preserve"> с ИК подсветкой </t>
    </r>
    <r>
      <rPr>
        <b/>
        <sz val="11"/>
        <rFont val="Calibri"/>
        <family val="2"/>
      </rPr>
      <t>до 30 м</t>
    </r>
    <r>
      <rPr>
        <sz val="11"/>
        <rFont val="Calibri"/>
        <family val="2"/>
      </rPr>
      <t xml:space="preserve">., фикс.  объектив 2.8мм/ 4мм, 1/3" CMOS, угол обзора 101.1°/83.7°, Ultra 265/H.264/MJPEG, WDR 120dB, </t>
    </r>
    <r>
      <rPr>
        <b/>
        <sz val="11"/>
        <color rgb="FFFF0000"/>
        <rFont val="Calibri"/>
        <family val="2"/>
      </rPr>
      <t>0.001 Lux</t>
    </r>
    <r>
      <rPr>
        <sz val="11"/>
        <rFont val="Calibri"/>
        <family val="2"/>
      </rPr>
      <t xml:space="preserve"> минимальная освещенность, </t>
    </r>
    <r>
      <rPr>
        <b/>
        <sz val="11"/>
        <color rgb="FFFF0000"/>
        <rFont val="Calibri"/>
        <family val="2"/>
      </rPr>
      <t>слот micro SD (256Gb), тревожные ввод/вывод 1/1, Audio ввод/вывод 1/1</t>
    </r>
    <r>
      <rPr>
        <sz val="11"/>
        <rFont val="Calibri"/>
        <family val="2"/>
      </rPr>
      <t>. тройной видеопотока -  Основной поток: 4MP (2688*1520), Max 30fps;4MP (2560*1440), Max 30fps; 3MP (2304*1296), Max 25fps; 1080P (1920*1080),
Max 30fps; Второй поток: 720P (1280*720), Max 30fps; D1 (720*576), Max 30fps; 640*360,Max 30fps; 2CIF(704*288), Max 30fps;
CIF(352*288), Max 30fps; Третий поток: D1 (720*576), Max 30fps; 640*360,Max 30fps; 2CIF(704*288), Max 30fps; CIF(352*288), Max 30fps. Smart функции - Вторжение в зону, пересечение линий, детекция человека, защита периметра, детекция движения, аудио детекция. 2KV, IP67, IK10; -40°C до +60°C; 12V, PoE (IEEE802.3 af), 0.425kg, Потребляемая мощность: макс. 4,5 Вт</t>
    </r>
  </si>
  <si>
    <r>
      <t xml:space="preserve">Видеокамера IP Купольная </t>
    </r>
    <r>
      <rPr>
        <b/>
        <sz val="11"/>
        <color rgb="FFFF0000"/>
        <rFont val="Calibri"/>
        <family val="2"/>
      </rPr>
      <t>2 Мп</t>
    </r>
    <r>
      <rPr>
        <sz val="11"/>
        <rFont val="Calibri"/>
        <family val="2"/>
      </rPr>
      <t xml:space="preserve"> с ИК подсветкой </t>
    </r>
    <r>
      <rPr>
        <b/>
        <sz val="11"/>
        <rFont val="Calibri"/>
        <family val="2"/>
      </rPr>
      <t>до 30 м</t>
    </r>
    <r>
      <rPr>
        <sz val="11"/>
        <rFont val="Calibri"/>
        <family val="2"/>
      </rPr>
      <t xml:space="preserve">., фикс.  объектив 2.8мм/ 4мм, 1/2.8" CMOS, угол обзора 106.7°/87.5°,  Ultra 265/H.264/MJPEG, WDR 120dB, </t>
    </r>
    <r>
      <rPr>
        <b/>
        <sz val="11"/>
        <color rgb="FFFF0000"/>
        <rFont val="Calibri"/>
        <family val="2"/>
      </rPr>
      <t>0.001 Lux</t>
    </r>
    <r>
      <rPr>
        <sz val="11"/>
        <rFont val="Calibri"/>
        <family val="2"/>
      </rPr>
      <t xml:space="preserve"> минимальная освещенность, </t>
    </r>
    <r>
      <rPr>
        <b/>
        <sz val="11"/>
        <color rgb="FFFF0000"/>
        <rFont val="Calibri"/>
        <family val="2"/>
      </rPr>
      <t>слот micro SD (256Gb), встроенный микрофон</t>
    </r>
    <r>
      <rPr>
        <sz val="11"/>
        <rFont val="Calibri"/>
        <family val="2"/>
      </rPr>
      <t>.  тройной видеопоток -  Основной: 2MP (1920*1080), Max 30fps; 720P (1280*720), Max 30fps; второй: 720P (1280*720), Max 30fps; D1 (720*576), Max 30fps; 640*360,Max 30fps; 2CIF(704*288), Max 30fps; CIF(352*288), Max 30fps; третий: D1 (720*576), Max 30fps; 640*360,Max 30fps; 2CIF(704*288), Max 30fps; CIF(352*288), Max 30fps, Smart функции - Вторжение в зону, пересечение линий, детекция человека, защита периметра, детекция движения, аудио детекция. 2KV, IP67; -40°C до +60°C; 12V, PoE (IEEE802.3 af), 0.425kg, Потребляемая мощность: макс. 4,5 Вт</t>
    </r>
  </si>
  <si>
    <r>
      <t xml:space="preserve">Видеокамера IP Купольная </t>
    </r>
    <r>
      <rPr>
        <b/>
        <sz val="11"/>
        <color rgb="FFFF0000"/>
        <rFont val="Calibri"/>
        <family val="2"/>
      </rPr>
      <t>4 Мп</t>
    </r>
    <r>
      <rPr>
        <sz val="11"/>
        <rFont val="Calibri"/>
        <family val="2"/>
      </rPr>
      <t xml:space="preserve"> с ИК подсветкой </t>
    </r>
    <r>
      <rPr>
        <b/>
        <sz val="11"/>
        <rFont val="Calibri"/>
        <family val="2"/>
      </rPr>
      <t>до 30 м</t>
    </r>
    <r>
      <rPr>
        <sz val="11"/>
        <rFont val="Calibri"/>
        <family val="2"/>
      </rPr>
      <t xml:space="preserve">., фикс.  объектив 2.8мм/ 4мм, 1/3" CMOS, угол обзора 101.1°/83.7°, Ultra 265/H.264/MJPEG, WDR 120dB, </t>
    </r>
    <r>
      <rPr>
        <b/>
        <sz val="11"/>
        <color rgb="FFFF0000"/>
        <rFont val="Calibri"/>
        <family val="2"/>
      </rPr>
      <t>0.001 Lux</t>
    </r>
    <r>
      <rPr>
        <sz val="11"/>
        <rFont val="Calibri"/>
        <family val="2"/>
      </rPr>
      <t xml:space="preserve"> минимальная освещенность, </t>
    </r>
    <r>
      <rPr>
        <b/>
        <sz val="11"/>
        <color rgb="FFFF0000"/>
        <rFont val="Calibri"/>
        <family val="2"/>
      </rPr>
      <t>слот micro SD (256Gb), встроенный микрофон</t>
    </r>
    <r>
      <rPr>
        <sz val="11"/>
        <rFont val="Calibri"/>
        <family val="2"/>
      </rPr>
      <t>. тройной видеопотока -  Основной поток: 4MP (2688*1520), Max 30fps;4MP (2560*1440), Max 30fps; 3MP (2304*1296), Max 25fps; 1080P (1920*1080), Max 30fps; Второй поток: 720P (1280*720), Max 30fps; D1 (720*576), Max 30fps; 640*360,Max 30fps; 2CIF(704*288), Max 30fps; CIF(352*288), Max 30fps; Третий поток: D1 (720*576), Max 30fps; 640*360,Max 30fps; 2CIF(704*288), Max 30fps; CIF(352*288), Max 30fps. Smart функции - Вторжение в зону, пересечение линий, детекция человека, защита периметра, детекция движения, аудио детекция. 2KV, IP67; -40°C до +60°C; 12V, PoE (IEEE802.3 af), 0.425kg, Потребляемая мощность: макс. 4,5 Вт</t>
    </r>
  </si>
  <si>
    <t>1/3" CMOS, ICR, 2592*1520: 20fps; 2560*1440: 25fps,  Ultra 265/H.264/MJPEG, Triple streams,  DC12V &amp; PoE,  Micro SD card slot, 120dB WDR,  Mic, IP66 &amp; IK10, Fixed lens (2.8mm, 3.6mm), IR range: up to 15m, 3-Axis</t>
  </si>
  <si>
    <t>1/2.9" CMOS, ICR, 1920x1080:30fps,  H.264/MJPEG, Triple streams,  DC12V &amp; PoE, Micro SD card slot, 120dB WDR, Mic, IP66 &amp; IK10, Fixed lens (2.8mm, 4.0mm), IR range: up to 15m, 3-Axis</t>
  </si>
  <si>
    <t>Видеокамера IP Мини-купольная антивандальная 2 Мп с ИК подсветкой до 30 м., фикс. объектив 2,8мм, 1/2.8" CMOS, угол обзора 107.8°, ICR, 1920x1080:25fps, Ultra 265/H.264/MJPEG, WDR 120dB, 0.005 Lux минимальная освещенность, cлот micro SD (256Gb), аудио вх/вых, встроенный микрофон/двустороннее аудио. Smart функции - защита периметра. 2KV, IP66/IK10; -40°C до +60°C; 12V, PoE (IEEE802.3 af), 0.25kg, метал+пластик. Потребляемая мощность: макс. 4.5 Вт</t>
  </si>
  <si>
    <t>Замена: IPC2124SB-ADF28KM-I0</t>
  </si>
  <si>
    <t>Замена: IPC2124SB-ADF40KM-I0</t>
  </si>
  <si>
    <t>Замена: 
IPC2122SB-ADF28KM-I0 или
IPC2122SB-ADF40KM-I0</t>
  </si>
  <si>
    <t>Замена: IPC2122SB-ADF40KM-I0</t>
  </si>
  <si>
    <t>Замена: IPC2122SB-ADF28KM-I0
IPC2122SB-ADF40KM-I0</t>
  </si>
  <si>
    <t>Замена: IPC2125SB-ADF40KM-I0</t>
  </si>
  <si>
    <t>Замена: IPC324SB-DF28K-I0</t>
  </si>
  <si>
    <t>Замена:IPC324SB-DF40K-I0</t>
  </si>
  <si>
    <t>Замена: IPC322SB-DF28K-I0</t>
  </si>
  <si>
    <t>Замена: IPC322SB-DF40K-I0</t>
  </si>
  <si>
    <t>Замена: IPC325SB-DF28K-I0</t>
  </si>
  <si>
    <t>Замена: IPC2324SB-DZK-I0</t>
  </si>
  <si>
    <t>Замена: IPC2322SB-DZK-I0</t>
  </si>
  <si>
    <t>Замена: IPC2325SB-DZK-I0</t>
  </si>
  <si>
    <t>Замена: IPC3634SB-ADZK-I0</t>
  </si>
  <si>
    <t>Замена: IPC3232SB-ADZK-I0</t>
  </si>
  <si>
    <t>Замена: IPC3235SB-ADZK-I0</t>
  </si>
  <si>
    <t>Замена: IPC3632SB-ADZK-I0</t>
  </si>
  <si>
    <t>Замена: IPC3635SB-ADZK-I0</t>
  </si>
  <si>
    <t>Замена: IPC3632SB-ADZK-I0 </t>
  </si>
  <si>
    <r>
      <t xml:space="preserve">Видеокамера IP Купольная антивандальная 2 Мп с ИК подсветкой </t>
    </r>
    <r>
      <rPr>
        <b/>
        <sz val="11"/>
        <color rgb="FFFF0000"/>
        <rFont val="Calibri"/>
        <family val="2"/>
      </rPr>
      <t>до 40м</t>
    </r>
    <r>
      <rPr>
        <sz val="11"/>
        <rFont val="Calibri"/>
        <family val="2"/>
      </rPr>
      <t xml:space="preserve">, моторизированный объектив: 2,8-12мм;  1/2.7" CMOS, </t>
    </r>
    <r>
      <rPr>
        <b/>
        <sz val="11"/>
        <color rgb="FFFF0000"/>
        <rFont val="Calibri"/>
        <family val="2"/>
      </rPr>
      <t>WDR 120dB</t>
    </r>
    <r>
      <rPr>
        <sz val="11"/>
        <rFont val="Calibri"/>
        <family val="2"/>
      </rPr>
      <t xml:space="preserve">, Ultra 265/H.264/MJPEG, ICR, </t>
    </r>
    <r>
      <rPr>
        <b/>
        <sz val="11"/>
        <color rgb="FFFF0000"/>
        <rFont val="Calibri"/>
        <family val="2"/>
      </rPr>
      <t>0.003Lux</t>
    </r>
    <r>
      <rPr>
        <sz val="11"/>
        <rFont val="Calibri"/>
        <family val="2"/>
      </rPr>
      <t xml:space="preserve"> (F1.6, AGC ON) минимальная освещенность, </t>
    </r>
    <r>
      <rPr>
        <b/>
        <sz val="11"/>
        <color rgb="FFFF0000"/>
        <rFont val="Calibri"/>
        <family val="2"/>
      </rPr>
      <t>cлот micro SD (128Gb)</t>
    </r>
    <r>
      <rPr>
        <sz val="11"/>
        <rFont val="Calibri"/>
        <family val="2"/>
      </rPr>
      <t xml:space="preserve">, </t>
    </r>
    <r>
      <rPr>
        <b/>
        <sz val="11"/>
        <color rgb="FFFF0000"/>
        <rFont val="Calibri"/>
        <family val="2"/>
      </rPr>
      <t>детекция движения, детекчия человека, вторжение, два видеопотока - Main Stream: 1080P (1920*1080), Max 30fps; 720P (1280*720), Max 30fps Sub Stream: 720P (1280*720), Max 30fps; 6KV, IK10, IP67</t>
    </r>
    <r>
      <rPr>
        <sz val="11"/>
        <rFont val="Calibri"/>
        <family val="2"/>
      </rPr>
      <t>; -40°C до +60°C; 12V, PoE (IEEE802.3 af), Потребляемая мощность: макс. 8,7 Вт. Металлическое основание.</t>
    </r>
  </si>
  <si>
    <r>
      <t xml:space="preserve">Видеокамера IP Купольная 2 Мп с ИК подсветкой </t>
    </r>
    <r>
      <rPr>
        <b/>
        <sz val="11"/>
        <color rgb="FFFF0000"/>
        <rFont val="Calibri"/>
        <family val="2"/>
      </rPr>
      <t>до 40м</t>
    </r>
    <r>
      <rPr>
        <sz val="11"/>
        <rFont val="Calibri"/>
        <family val="2"/>
      </rPr>
      <t xml:space="preserve">, моторизированный объектив: 2,8-12мм;  1/2.7" CMOS, </t>
    </r>
    <r>
      <rPr>
        <b/>
        <sz val="11"/>
        <color rgb="FFFF0000"/>
        <rFont val="Calibri"/>
        <family val="2"/>
      </rPr>
      <t>WDR 120dB</t>
    </r>
    <r>
      <rPr>
        <sz val="11"/>
        <rFont val="Calibri"/>
        <family val="2"/>
      </rPr>
      <t xml:space="preserve">, Ultra 265/H.264/MJPEG, ICR, </t>
    </r>
    <r>
      <rPr>
        <b/>
        <sz val="11"/>
        <color rgb="FFFF0000"/>
        <rFont val="Calibri"/>
        <family val="2"/>
      </rPr>
      <t>0.005Lux</t>
    </r>
    <r>
      <rPr>
        <sz val="11"/>
        <rFont val="Calibri"/>
        <family val="2"/>
      </rPr>
      <t xml:space="preserve"> (F1.6, AGC ON) минимальная освещенность, </t>
    </r>
    <r>
      <rPr>
        <b/>
        <sz val="11"/>
        <color rgb="FFFF0000"/>
        <rFont val="Calibri"/>
        <family val="2"/>
      </rPr>
      <t>встроенный микрофон, cлот micro SD (128Gb)</t>
    </r>
    <r>
      <rPr>
        <sz val="11"/>
        <rFont val="Calibri"/>
        <family val="2"/>
      </rPr>
      <t xml:space="preserve">, </t>
    </r>
    <r>
      <rPr>
        <b/>
        <sz val="11"/>
        <color rgb="FFFF0000"/>
        <rFont val="Calibri"/>
        <family val="2"/>
      </rPr>
      <t>детекция движения, детекчия человека, вторжение, два видеопотока - Main Stream: 1080P (1920*1080), Max 30fps; 720P (1280*720), Max 30fps Sub Stream: 720P (1280*720), Max 30fps; 6KV, IP67</t>
    </r>
    <r>
      <rPr>
        <sz val="11"/>
        <rFont val="Calibri"/>
        <family val="2"/>
      </rPr>
      <t>; -40°C до +60°C; 12V, PoE (IEEE802.3 af), Потребляемая мощность: макс. 8,1 Вт. 0.67кг. Металлическое основание.</t>
    </r>
  </si>
  <si>
    <t>Видеокамера IP Мини-купольная антивандальная 4 Мп с ИК подсветкой до 30 м., фикс. объектив 2,8мм, 1/3" CMOS, угол обзора 101.1°, ICR, Ultra 265/H.264/MJPEG, WDR 120dB, 0.003Lux (F1.6, AGC ON) минимальная освещенность, cлот micro SD (256Gb), аудио вх/вых, встроенный микрофон/двустороннее аудио.  Тройной видеопоток - Основной поток: 4MP (2688*1520), Max 30fps; 4MP (2560*1440), Max 30fps; 3MP (2304*1296), Max 30fps; 2MP (1920*1080), Max 30fps; Второй поток: 720P (1280*720), Max 30fps; D1 (720*576), Max 30fps; 640*360,Max 30fps; 2CIF(704*288), Max 30fps; CIF(352*288), Max 30fps; Третий поток: D1 (720*576), Max 30fps; 640*360,Max 30fps; 2CIF(704*288), Max 30fps; CIF(352*288), Max 30fps. Smart функции - защита периметра. 2KV, IP66/IK10; -40°C до +60°C; 12V, PoE (IEEE802.3 af), 0.25kg , метал+пластик. Потребляемая мощность: макс. 4.5 Вт</t>
  </si>
  <si>
    <t>NVR301-04S3</t>
  </si>
  <si>
    <t>NVR301-04S3-P4</t>
  </si>
  <si>
    <t>NVR301-04S3-RU</t>
  </si>
  <si>
    <t>NVR301-04S3-P4-RU</t>
  </si>
  <si>
    <t>NVR301-04LS3-P4</t>
  </si>
  <si>
    <t>NVR301-08LS3-P8</t>
  </si>
  <si>
    <t>NVR301-08S3</t>
  </si>
  <si>
    <t>NVR301-08S3-P8</t>
  </si>
  <si>
    <t>NVR302-09S2</t>
  </si>
  <si>
    <t>NVR302-16S2</t>
  </si>
  <si>
    <t>NVR301-04LS3-P4-RU</t>
  </si>
  <si>
    <t>NVR301-08LS3-P8-RU</t>
  </si>
  <si>
    <t>NVR301-08S3-RU</t>
  </si>
  <si>
    <t>NVR301-08S3-P8-RU</t>
  </si>
  <si>
    <t>NVR302-09S2-RU</t>
  </si>
  <si>
    <t>NVR302-16S2-RU</t>
  </si>
  <si>
    <t>NVR301-04LE2-P4</t>
  </si>
  <si>
    <t>NVR301-04LE2-P4-RU</t>
  </si>
  <si>
    <t>NVR301-08LE2-P8</t>
  </si>
  <si>
    <t>NVR301-08LE2-P8-RU</t>
  </si>
  <si>
    <t>NVR301-16LE2-P8</t>
  </si>
  <si>
    <t>NVR301-16LE2-P8-RU</t>
  </si>
  <si>
    <t>NVR301-16E2</t>
  </si>
  <si>
    <t>NVR301-16E2-RU</t>
  </si>
  <si>
    <t>NVR301-08E2</t>
  </si>
  <si>
    <t>NVR301-08E2-P8</t>
  </si>
  <si>
    <t>NVR301-04E2</t>
  </si>
  <si>
    <t>NVR301-04E2-P4</t>
  </si>
  <si>
    <t>NVR301-04E2-RU</t>
  </si>
  <si>
    <t>NVR301-04E2-P4-RU</t>
  </si>
  <si>
    <t>NVR301-08E2-RU</t>
  </si>
  <si>
    <t>NVR301-08E2-P8-RU</t>
  </si>
  <si>
    <t>NVR304-32S-P16</t>
  </si>
  <si>
    <t>NVR304-32S-P16-RU</t>
  </si>
  <si>
    <t xml:space="preserve">32-ch, 4 SATA interface, 1.5U, H.265&amp;4K, 16 PoE </t>
  </si>
  <si>
    <t>8 x 1080P@30
4 x 4MP@30
2 x 4K@30</t>
  </si>
  <si>
    <t>1.5U</t>
  </si>
  <si>
    <t>4 x 1080P@30
2 x 4MP@30
1 x 4K@30</t>
  </si>
  <si>
    <t>Decoding
Abililty</t>
  </si>
  <si>
    <t>PoE</t>
  </si>
  <si>
    <t>16-ch, 1 SATA interface, 8 PoE, Mini 1U, H.265</t>
  </si>
  <si>
    <t>Видеорегистратор IP 32х канальный с 16 POE портами. Видеовыходы  HDMI/ VGA,  Аудиовыход  1 канал RCA,   Н.265/Н.264,  Разрешение записи  и просмотра 8MP/6MP/5MP/4MP/3MP/1080p/960p/720p/D1/2CIF/CIF, Входящий поток 160 Мбит/с , Исходящий поток 84 Мбит/с,  декодирование:  2 x 4K@30, 4x 4MP@30, 5 x 3MP@30, 8 x 1080P @30, 16 x 720P@30,  удаленных пользователей  256, Одновременный просмотр 16 каналов,  Поддержка P2P, UPnP, NTP, DHCP, PPPoE , ONVIF, 4 SATA  до 14 Tb, RJ-45 10M/100M Ethernet, 1 x USB2.0, 1 x USB3.0, аудио 1/1, тревожный вход/выход 4/1, питание 220В/8Вт, POE - 16.25W на каждый порт. размеры 400 мм ×362 мм × 74 мм , вес 5 кг</t>
  </si>
  <si>
    <t>Видеорегистратор IP 4-х канальный с 4 POE портами. Видеовыходы  HDMI/ VGA, Аудиовыход  1 канал RCA,  Н.265/Н.264,  Разрешение записи  и просмотра 4K/5MP/4MP/3MP/1080p/960p/720p/D1/2CIF/CIF.  Входящий поток 80 Мбит/с , Исходящий поток 64 Мбит/с,  декодирование:  1 x 4K@30, 1 x 5MP@30, 2 x 4MP@30, 2 x 3MP@30, 4 x 1080P@30,  удаленных пользователей  256, Одновременный просмотр 4 каналов,  Smart: Face detection, Intrusion detection, Cross line detection, Audio detection, Defocus detection, Scene change detection, Auto tracking, Object Left Behind, Object Removed, Face search, Behavior search, People counting. Поддержка P2P, UPnP, NTP, DHCP, PPPoE , ONVIF, 1 SATA  до 6 Tb, RJ-45 10M/100M Ethernet, 1 x USB2.0, 1 x USB3.0, питание 48В/9Вт (блок питания в комплекте) POE - 13.5W на каждый порт. Размеры 205 × 205 × 47 мм, вес 0.6 кг</t>
  </si>
  <si>
    <t>Видеорегистратор IP 4-х канальный с 4 POE портами. Видеовыходы  HDMI/ VGA, Аудиовыход  1 канал RCA,  Н.265/Н.264,  Разрешение записи  и просмотра 4K/5MP/4MP/3MP/1080p/960p/720p/D1/2CIF/CIF.  Входящий поток 80 Мбит/с , Исходящий поток 64 Мбит/с,  декодирование:  1 x 4K@30, 1 x 5MP@30, 2 x 4MP@30, 2 x 3MP@30, 4 x 1080P@30,  удаленных пользователей  256, Одновременный просмотр 4 каналов,  Smart: Face detection, Intrusion detection, Cross line detection, Audio detection, Defocus detection, Scene change detection, Auto tracking, Object Left Behind, Object Removed, Face search, Behavior search, People counting. Поддержка P2P, UPnP, NTP, DHCP, PPPoE , ONVIF, 1 SATA  до 6 Tb, RJ-45 10M/100M Ethernet, 1 x USB2.0, 1 x USB3.0, питание 48В/9Вт (блок питания в комплекте) POE - 13.5W на каждый порт. Размеры 260 × 240 × 47 мм, вес 1 кг</t>
  </si>
  <si>
    <t>Видеорегистратор IP 4-х канальный. Видеовыходы  HDMI/ VGA, Аудиовыход  1 канал RCA,  Н.265/Н.264,  Разрешение записи  и просмотра 4K/5MP/4MP/3MP/1080p/960p/720p/D1/2CIF/CIF.  Входящий поток 64 Мбит/с , Исходящий поток 64 Мбит/с,  декодирование:  1 x 4K@30, 1 x 5MP@30, 2 x 4MP@30, 2 x 3MP@30, 4 x 1080P@30,  удаленных пользователей  256, Одновременный просмотр 4 каналов,  Smart: Face detection, Intrusion detection, Cross line detection, Audio detection, Defocus detection, Scene change detection, Auto tracking, Object Left Behind, Object Removed, Face search, Behavior search, People counting. Поддержка P2P, UPnP, NTP, DHCP, PPPoE , ONVIF, 1 SATA  до 6 Tb, RJ-45 10M/100M Ethernet, 1 x USB2.0, 1 x USB3.0, питание 48В/9Вт (блок питания в комплекте) . Размеры 260 × 240 × 47 мм, вес 1,3 кг</t>
  </si>
  <si>
    <t>Видеорегистратор IP 8-ми канальный. Видеовыходы  HDMI/ VGA, Аудиовыход  1 канал RCA,  Н.265/Н.264,  Разрешение записи  и просмотра 4K/5MP/4MP/3MP/1080p/960p/720p/D1/2CIF/CIF.  Входящий поток 64 Мбит/с , Исходящий поток 64 Мбит/с,  декодирование:  1 x 4K@30, 1 x 5MP@30, 2 x 4MP@30, 2 x 3MP@30, 4x 1080p@30, 8 x 720p@30,  удаленных пользователей  256, Одновременный просмотр 8 каналов,  Smart: Face detection, Intrusion detection, Cross line detection, Audio detection, Defocus detection, Scene change detection, Auto tracking, Object Left Behind, Object Removed, Face search, Behavior search, People counting. Поддержка P2P, UPnP, NTP, DHCP, PPPoE , ONVIF, 1 SATA  до 6 Tb, RJ-45 10M/100M Ethernet, 1 x USB2.0, 1 x USB3.0, питание 48В/9Вт (блок питания в комплекте) . Размеры 260 × 240 × 47 мм, вес 1,3 кг</t>
  </si>
  <si>
    <t>Видеорегистратор IP 16-ти канальный. Видеовыходы  HDMI/ VGA, Аудиовыход  1 канал RCA,  Н.265/Н.264,  Разрешение записи  и просмотра 4K/5MP/4MP/3MP/1080p/960p/720p/D1/2CIF/CIF.  Входящий поток 64 Мбит/с , Исходящий поток 64 Мбит/с,  декодирование:  1 x 4K@30, 1 x 5MP@30, 2 x 4MP@30, 2 x 3MP@30, 4x 1080p@30, 8 x 720p@30, 16 x D1@30,  удаленных пользователей  256, Одновременный просмотр 16 каналов,  Smart: Face detection, Intrusion detection, Cross line detection, Audio detection, Defocus detection, Scene change detection, Auto tracking, Object Left Behind, Object Removed, Face search, Behavior search, People counting. Поддержка P2P, UPnP, NTP, DHCP, PPPoE , ONVIF, 1 SATA  до 6 Tb, RJ-45 10M/100M Ethernet, 1 x USB2.0, 1 x USB3.0, питание 48В/9Вт (блок питания в комплекте) . Размеры 260 × 240 × 47 мм, вес 1,3 кг</t>
  </si>
  <si>
    <t>Видеорегистратор IP 8-ми канальный с 8 POE портами. Видеовыходы  HDMI/ VGA, Аудиовыход  1 канал RCA,  Н.265/Н.264,  Разрешение записи  и просмотра 4K/5MP/4MP/3MP/1080p/960p/720p/D1/2CIF/CIF.  Входящий поток 80 Мбит/с , Исходящий поток 64 Мбит/с,  декодирование:  1 x 4K@30, 1 x 5MP@30, 2 x 4MP@30, 2 x 3MP@30, 4 x 1080P@30, 8 x 720p@30,  удаленных пользователей  256, Одновременный просмотр 8 каналов,  Smart: Face detection, Intrusion detection, Cross line detection, Audio detection, Defocus detection, Scene change detection, Auto tracking, Object Left Behind, Object Removed, Face search, Behavior search, People counting. Поддержка P2P, UPnP, NTP, DHCP, PPPoE , ONVIF, 1 SATA  до 6 Tb, RJ-45 10M/100M Ethernet, 1 x USB2.0, 1 x USB3.0, питание 48В/9Вт (блок питания в комплекте) POE - 13.5W на каждый порт. Размеры 270 × 205 × 47 мм, вес 0.8 кг</t>
  </si>
  <si>
    <t>Видеорегистратор IP 8-ми канальный с 8 POE портами. Видеовыходы  HDMI/ VGA, Аудиовыход  1 канал RCA,  Н.265/Н.264,  Разрешение записи  и просмотра 4K/5MP/4MP/3MP/1080p/960p/720p/D1/2CIF/CIF.  Входящий поток 64 Мбит/с , Исходящий поток 64 Мбит/с,  декодирование:  1 x 4K@30, 1 x 5MP@30, 2 x 4MP@30, 2 x 3MP@30, 4x 1080p@30, 8 x 720p@30,  удаленных пользователей  256, Одновременный просмотр 8 каналов,  Smart: Face detection, Intrusion detection, Cross line detection, Audio detection, Defocus detection, Scene change detection, Auto tracking, Object Left Behind, Object Removed, Face search, Behavior search, People counting. Поддержка P2P, UPnP, NTP, DHCP, PPPoE , ONVIF, 1 SATA  до 6 Tb, RJ-45 10M/100M Ethernet, 1 x USB2.0, 1 x USB3.0, питание 48В/9Вт (блок питания в комплекте) . POE - 13.5W на каждый порт. Размеры 260 × 240 × 47 мм, вес 1,3 кг</t>
  </si>
  <si>
    <t>Видеорегистратор IP 16-ти канальный с 8 POE портами. Видеовыходы  HDMI/ VGA, Аудиовыход  1 канал RCA,  Н.265/Н.264,  Разрешение записи  и просмотра 4K/5MP/4MP/3MP/1080p/960p/720p/D1/2CIF/CIF.  Входящий поток 80 Мбит/с , Исходящий поток 64 Мбит/с,  декодирование:  1 x 4K@30, 1 x 5MP@30, 2 x 4MP@30, 2 x 3MP@30, 4 x 1080p@30, 8 x 720p@30, 16 x D1@30,  удаленных пользователей  256, Одновременный просмотр 8 каналов,  Smart: Face detection, Intrusion detection, Cross line detection, Audio detection, Defocus detection, Scene change detection, Auto tracking, Object Left Behind, Object Removed, Face search, Behavior search, People counting. Поддержка P2P, UPnP, NTP, DHCP, PPPoE , ONVIF, 1 SATA  до 6 Tb, RJ-45 10M/100M Ethernet, 1 x USB2.0, 1 x USB3.0, питание 48В/9Вт (блок питания в комплекте) POE - 30W на каждый порт. Размеры 270 × 205 × 47 мм, вес 0.8 кг</t>
  </si>
  <si>
    <t>Видеорегистратор IP 4-х канальный с 4 POE портами.  Видеовыходы  HDMI/ VGA,  Аудиовыход  1 канал RCA,   Н.265/Н.264,  Разрешение записи  и просмотра 4k/5MP/4MP/3MP/1080p/960p/720p/D1/2CIF/CIF, Входящий поток 64 Мбит/с , Исходящий поток 48 Мбит/с,  декодирование:  1 x 4K@30, 1 x 5MP@30, 2 x 4MP@25, 2 x 3MP@30,4 x 1080p@25,  удаленных пользователей  256, Одновременный просмотр 4 каналов,  Поддержка P2P, UPnP, NTP, DHCP, PPPoE , ONVIF, 1 SATA  до 10 Tb, RJ-45 10M/100M Ethernet, 2 x USB2.0, питание 48В/10Вт (блок питания в комплекте). Размеры 260 × 240 × 46 мм, вес 1 кг</t>
    <phoneticPr fontId="118" type="noConversion"/>
  </si>
  <si>
    <t>Видеорегистратор IP 8-ми канальный с 8 POE портами.  Видеовыходы  HDMI/ VGA,  Н.265/Н.264,  Разрешение записи  и просмотра 8MP/5MP/4MP/3MP/1080p/960p/720p/D1/2CIF/CIF, Входящий поток 64 Мбит/с , Исходящий поток 48 Мбит/с,  декодирование:  1 x 4K@30, 1 x 5MP@30, 2 x 4MP@25, 2 x 3MP@30,4 x 1080p@25, 8 x 960p@25,8 x 720p@30,  удаленных пользователей  256, Одновременный просмотр 8 каналов,  Поддержка P2P, UPnP, NTP, DHCP, PPPoE , ONVIF, 1 SATA  до 10 Tb, RJ-45 10M/100M Ethernet, 2 x USB2.0, питание 52В/9Вт (блок питания в комплекте) POE - 13.5W на каждый порт. Размеры 270 × 204 × 45 мм, вес 0.8 кг</t>
    <phoneticPr fontId="118" type="noConversion"/>
  </si>
  <si>
    <t>Видеорегистратор IP 8-х канальный.  Видеовыходы  HDMI/ VGA,  ,   Н.265/Н.264,  Разрешение записи  и просмотра 4K/5MP/4MP/3MP/1080p/960p/720p/D1/2CIF/CIF, Входящий поток 64 Мбит/с , Исходящий поток 48 Мбит/с,  декодирование: 1 x 4K@30, 1 x 5MP@30, 2 x 4MP@30, 4 x 3MP@20, 4 x 1080p@30,  удаленных пользователей  256, Одновременный просмотр 8 каналов,  Поддержка P2P, UPnP, NTP, DHCP, PPPoE , ONVIF, 1 SATA  до 10 Tb, RJ-45 10M/100M Ethernet, 2 x USB2.0, питание 12В/9Вт (блок питания в комплекте). Размеры 260 × 240 × 46 мм, вес 1 кг</t>
    <phoneticPr fontId="118" type="noConversion"/>
  </si>
  <si>
    <t>Видеорегистратор IP 8-ми канальный с 8 POE портами.  Видеовыходы  HDMI/ VGA,  Н.265/Н.264,  Разрешение записи  и просмотра 4K/5MP/4MP/3MP/1080p/960p/720p/D1/2CIF/CIF, Входящий поток 64 Мбит/с , Исходящий поток 48 Мбит/с,  запись: 8MP/5MP/4MP/3MP/1080p/960p/720p/D1/2CIF/CIF, декодирование:   1 x 4K@3, 1 x 5MP@30, 2 x 4MP@25, 2 x 3MP@30,4 x 1080p@25, 8 x 960p@25,  удаленных пользователей  256, Одновременный просмотр 8 каналов,  Поддержка P2P, UPnP, NTP, DHCP, PPPoE , ONVIF, 1 SATA  до 10 Tb, RJ-45 10M/100M Ethernet, 2 x USB2.0, питание 52В/9Вт (блок питания в комплекте) POE - 13.5W на каждый порт. Размеры 260 × 240 × 46 мм, вес 1 кг</t>
    <phoneticPr fontId="118" type="noConversion"/>
  </si>
  <si>
    <t>Видеорегистратор IP 9-ти канальный.   Видеовыходы  HDMI/ VGA,  Аудиовыход  1 канал RCA,   Н.265/Н.264,  Разрешение записи  и просмотра 8MP/6MP/5MP/4MP/3MP/1080p/960p/720p, Входящий поток 160 Мбит/с , Исходящий поток 64 Мбит/с,  декодирование:  2 x 4K@30, 3 x 5MP@30, 4 x 4MP@30, 5 x 3MP@30, 8 x 1080p@30, 9 x 1080p@25,  удаленных пользователей  256, Одновременный просмотр 9ти каналов,  Поддержка P2P, UPnP, NTP, DHCP, PPPoE , ONVIF, 2 SATA  до 10 Tb, RJ-45 10M/100M Ethernet, 1 x USB2.0, 1 x USB3.0 Front panel: 1 x USB2.0, питание 12В/15Вт (блок питания в комплекте), размеры 380mm × 315mm ×53mm , вес 1 кг</t>
    <phoneticPr fontId="118" type="noConversion"/>
  </si>
  <si>
    <t>Видеорегистратор IP 16-ти канальный.   Видеовыходы  HDMI/ VGA,  Аудиовыход  1 канал RCA,   Н.265/Н.264,  Разрешение записи  и просмотра 8MP/6MP/5MP/4MP/3MP/1080p/960p/720p, Входящий поток 160 Мбит/с , Исходящий поток 64 Мбит/с,  декодирование:  2 x 4K@30, 3 x 5MP@30, 4 x 4MP@30, 5 x 3MP@30, 8 x 1080p@30, 9 x 1080p@25,  удаленных пользователей  256, Одновременный просмотр 16ти каналов,  Поддержка P2P, UPnP, NTP, DHCP, PPPoE , ONVIF, 2 SATA  до 10 Tb, RJ-45 10M/100M Ethernet, 1 x USB2.0, 1 x USB3.0 Front panel: 1 x USB2.0, питание 12В/15Вт (блок питания в комплекте), размеры 380mm × 315mm ×53mm , вес 1 кг</t>
    <phoneticPr fontId="118" type="noConversion"/>
  </si>
  <si>
    <t>Видеорегистратор IP 4-х канальный.  Видеовыходы  HDMI/ VGA, Н.265/Н.264,  Разрешение записи  и просмотра 4K/5MP/4MP/3MP/1080p/ 960p/720p/ D1/2CIF/CIF, Входящий поток 64 Мбит/с , Исходящий поток 48 Мбит/с,  декодирование: 1 x 4K@30, 1 x 5MP@30, 2 x 4MP@30, 4 x 3MP@20, 4 x 1080p@30,  удаленных пользователей  256, Одновременный просмотр 4 каналов,  Поддержка P2P, UPnP, NTP, DHCP, PPPoE , ONVIF, 1 SATA  до 10 Tb, RJ-45 10M/100M Ethernet, 2 x USB2.0, питание 12В/9Вт (блок питания в комплекте). Размеры 260 × 240 × 46 мм, вес 1 кг</t>
  </si>
  <si>
    <t>Видеорегистратор IP 4-х канальный с 4 POE портами. Видеовыходы  HDMI/ VGA,   Н.265/Н.264,  Разрешение записи  и просмотра 4K/5MP/4MP/3MP/1080p/ 960p/720p/D1/2CIF/CIF.  Входящий поток 64 Мбит/с , Исходящий поток 48 Мбит/с,  декодирование:  1 x 4K@30, 1 x 5MP@30, 2 x 4MP@25, 2 x 3MP@30,4 x 1080p@25,  удаленных пользователей  256, Одновременный просмотр 4 каналов,  Поддержка P2P, UPnP, NTP, DHCP, PPPoE , ONVIF, 1 SATA  до 10 Tb, RJ-45 10M/100M Ethernet, 2 x USB2.0, питание 48В/10Вт (блок питания в комплекте) POE - 13.5W на каждый порт. Размеры 205 × 205 × 46 мм, вес 0.6 кг</t>
  </si>
  <si>
    <t>27-дюймовый монитор
Display Type: LED Backlight
Screen Size 21.5”
Pixel Pitch(mm) 0.2482× 0.2482
Max Resolution 1920×1080
Brightness 250 cd/m2
Contrast 1000:1
Response Time 5ms
color 16.7M
Viewing Angle Horizontal 170°, Vertical 160°
Interface
VGA 1
HDMI 1
Audio In 1
Audio
Audio Input 1, 3.5 mm mini-jack
Speaker 2x2W
OSD
Multi- Language 11 (English, French, German, Italian, Simplified Chinese, Traditional Chinese, Korean, Japanese, Espanola, Portuguese, Russian )
Mounting
VESA 100mm x 100mm
General
Power supply DC 12V, 2A
Consumption &lt;20 W(on)
&lt;0.5 W(Standby)
Operation Temperature 0°C ~ 40 °C
Operating Humidity 20%~85% (No Condensation)
Storage Temperature -20°C ~ 60°C
Storage Humidity 0%~90% (No Condensation)
Dimension (W×H×D) 509.5mm × 304.5 mm × 35.1mm(No Pedestal)
Weight: Net Weight:2.51Kg  Gross Weight:3.8Kg
Accessory
Standard HDMI cable, Adapter&amp; power cable, Pedestal,Quick Guide
Optional Hanging bracket</t>
  </si>
  <si>
    <t>новинка</t>
  </si>
  <si>
    <t>MW3227-L</t>
  </si>
  <si>
    <t>IPC2324SB-DZK-I0-RU</t>
  </si>
  <si>
    <t>IPC2124LE-ADF28KM-G</t>
  </si>
  <si>
    <t>IPC2124LE-ADF40KM-G</t>
  </si>
  <si>
    <t>IPC2124LE-ADF28KM-G-RU</t>
  </si>
  <si>
    <t>IPC2124LE-ADF40KM-G-RU</t>
  </si>
  <si>
    <t>IPC3534LB-DSZK-G-RU</t>
  </si>
  <si>
    <t>IPC2322LB-DSZK-G-RU</t>
  </si>
  <si>
    <t>IPC2324LB-ADZK-G</t>
  </si>
  <si>
    <t>IPC2324LB-ADZK-G-RU</t>
  </si>
  <si>
    <t>1/3" CMOS, ICR, 2688x1520:25fps, Ultra 265/H.265/H.264/MJPEG, Double stream,   DC12V &amp; PoE,Fixed lens 2.8mm,4mm, IR range: up to 30m. , 3-axis   EasyStar: 0.003 Lux min. illumination</t>
  </si>
  <si>
    <t>120dB WDR, IP67,IK10, HLC,EasyStar</t>
  </si>
  <si>
    <t>120dB WDR,IP67&amp;IK10, HLC</t>
  </si>
  <si>
    <r>
      <t xml:space="preserve">Видеокамера IP Уличная цилиндрическая </t>
    </r>
    <r>
      <rPr>
        <b/>
        <sz val="10"/>
        <color rgb="FFFF0000"/>
        <rFont val="Calibri"/>
        <family val="2"/>
      </rPr>
      <t>2 Мп</t>
    </r>
    <r>
      <rPr>
        <sz val="10"/>
        <rFont val="Calibri"/>
        <family val="2"/>
      </rPr>
      <t xml:space="preserve"> с ИК подсветкой до 30м</t>
    </r>
    <r>
      <rPr>
        <b/>
        <sz val="10"/>
        <rFont val="Calibri"/>
        <family val="2"/>
      </rPr>
      <t>,</t>
    </r>
    <r>
      <rPr>
        <sz val="10"/>
        <rFont val="Calibri"/>
        <family val="2"/>
      </rPr>
      <t xml:space="preserve"> фикс. объектив 2.8/4.0мм 1/2.7" CMOS,  угол обзора 112.9°/91.2°, ICR, 1080P (1920x1080):30к/с, 720P (1280*720), 30к/с, два видеопотока, </t>
    </r>
    <r>
      <rPr>
        <b/>
        <sz val="10"/>
        <color rgb="FFFF0000"/>
        <rFont val="Calibri"/>
        <family val="2"/>
      </rPr>
      <t>WDR 120db</t>
    </r>
    <r>
      <rPr>
        <sz val="10"/>
        <rFont val="Calibri"/>
        <family val="2"/>
      </rPr>
      <t xml:space="preserve">, Ultra 265/H.264/MJPEG, ICR, </t>
    </r>
    <r>
      <rPr>
        <b/>
        <sz val="10"/>
        <color rgb="FFFF0000"/>
        <rFont val="Calibri"/>
        <family val="2"/>
      </rPr>
      <t>0.01Lux</t>
    </r>
    <r>
      <rPr>
        <sz val="10"/>
        <rFont val="Calibri"/>
        <family val="2"/>
      </rPr>
      <t xml:space="preserve"> минимальная освещенность, встроенный микрофон, </t>
    </r>
    <r>
      <rPr>
        <b/>
        <sz val="10"/>
        <color rgb="FFFF0000"/>
        <rFont val="Calibri"/>
        <family val="2"/>
      </rPr>
      <t>слот карты памяти - micro SD до 128 Гб,ANR,NAS(NFS),</t>
    </r>
    <r>
      <rPr>
        <sz val="10"/>
        <rFont val="Calibri"/>
        <family val="2"/>
      </rPr>
      <t xml:space="preserve"> режим корридора, IP67; -40°C до +60°C; 12V, PoE (IEEE802.3 af), 2KV, Потребляемая мощность: макс. 4.5 Вт. 0.45кг  Металлический корпус. Обнаружение человеческа, вторжение, детекция движения - до 4 обл., OSD до 4 обл., приватность - до 4 обл., ROI -  до 8 обл.</t>
    </r>
  </si>
  <si>
    <r>
      <rPr>
        <b/>
        <sz val="10"/>
        <color rgb="FFFF0000"/>
        <rFont val="Calibri"/>
        <family val="2"/>
      </rPr>
      <t>Starlight</t>
    </r>
    <r>
      <rPr>
        <sz val="10"/>
        <rFont val="Calibri"/>
        <family val="2"/>
      </rPr>
      <t xml:space="preserve"> Видеокамера IP Уличная цилиндрическая </t>
    </r>
    <r>
      <rPr>
        <b/>
        <sz val="10"/>
        <color rgb="FFFF0000"/>
        <rFont val="Calibri"/>
        <family val="2"/>
      </rPr>
      <t>4 Мп</t>
    </r>
    <r>
      <rPr>
        <sz val="10"/>
        <rFont val="Calibri"/>
        <family val="2"/>
      </rPr>
      <t xml:space="preserve"> с ИК подсветкой до 3</t>
    </r>
    <r>
      <rPr>
        <b/>
        <sz val="10"/>
        <color rgb="FFFF0000"/>
        <rFont val="Calibri"/>
        <family val="2"/>
      </rPr>
      <t>0м</t>
    </r>
    <r>
      <rPr>
        <b/>
        <sz val="10"/>
        <rFont val="Calibri"/>
        <family val="2"/>
      </rPr>
      <t>,</t>
    </r>
    <r>
      <rPr>
        <sz val="10"/>
        <rFont val="Calibri"/>
        <family val="2"/>
      </rPr>
      <t xml:space="preserve"> фикс. объектив 2.8/4.0мм, 1/3" CMOS,  угол обзора 101.1°/83.7°, ICR, 2688x1520:25fps, двойной видеопоток, </t>
    </r>
    <r>
      <rPr>
        <b/>
        <sz val="10"/>
        <color rgb="FFFF0000"/>
        <rFont val="Calibri"/>
        <family val="2"/>
      </rPr>
      <t>WDR 120dB</t>
    </r>
    <r>
      <rPr>
        <sz val="10"/>
        <rFont val="Calibri"/>
        <family val="2"/>
      </rPr>
      <t xml:space="preserve">, Ultra 265/H.264/MJPEG, ICR, </t>
    </r>
    <r>
      <rPr>
        <b/>
        <sz val="10"/>
        <color rgb="FFFF0000"/>
        <rFont val="Calibri"/>
        <family val="2"/>
      </rPr>
      <t>0.003Lux</t>
    </r>
    <r>
      <rPr>
        <sz val="10"/>
        <rFont val="Calibri"/>
        <family val="2"/>
      </rPr>
      <t xml:space="preserve"> минимальная освещенность,  встроенный микрофон, слот карты памяти - micro SD до 256 Гб,ANR, NAS(NFS), IP67; 2KV, -40°C до +60°C; 12V, PoE (IEEE802.3 af), Потребляемая мощность: макс. 6 Вт. 0.5кг  Металлический корпус.</t>
    </r>
  </si>
  <si>
    <r>
      <t xml:space="preserve">Видеокамера IP Купольная антивандальная 2 Мп с ИК подсветкой до 30м, фикс. объектив 2.8/4.0мм 1/2.7" CMOS,  угол обзора 112.9°/91.2°, ICR, 1080P (1920x1080):30к/с, 720P (1280*720), 30к/с, два видеопотока, </t>
    </r>
    <r>
      <rPr>
        <b/>
        <sz val="10"/>
        <color rgb="FFFF0000"/>
        <rFont val="Calibri"/>
        <family val="2"/>
      </rPr>
      <t>WDR 120db</t>
    </r>
    <r>
      <rPr>
        <sz val="10"/>
        <rFont val="Calibri"/>
        <family val="2"/>
      </rPr>
      <t xml:space="preserve">, Ultra 265/H.264/MJPEG, ICR, </t>
    </r>
    <r>
      <rPr>
        <b/>
        <sz val="10"/>
        <color rgb="FFFF0000"/>
        <rFont val="Calibri"/>
        <family val="2"/>
      </rPr>
      <t>0.01Lux</t>
    </r>
    <r>
      <rPr>
        <sz val="10"/>
        <rFont val="Calibri"/>
        <family val="2"/>
      </rPr>
      <t xml:space="preserve"> минимальная освещенность, режим корридора, </t>
    </r>
    <r>
      <rPr>
        <b/>
        <sz val="10"/>
        <color rgb="FFFF0000"/>
        <rFont val="Calibri"/>
        <family val="2"/>
      </rPr>
      <t>слот карты памяти - micro SD до 128 Гб,</t>
    </r>
    <r>
      <rPr>
        <sz val="10"/>
        <rFont val="Calibri"/>
        <family val="2"/>
      </rPr>
      <t xml:space="preserve"> IP67, IK10; -40°C до +60°C; 12V, PoE (IEEE802.3 af), 2KV, Потребляемая мощность: макс. 5 Вт. 0.36кг  Металлическое основание. Обнаружение человеческа, вторжение, детекция движения - до 4 обл., OSD до 4 обл., приватность - до 4 обл., ROI -  до 8 обл.</t>
    </r>
  </si>
  <si>
    <r>
      <t xml:space="preserve">Видеокамера IP Купольная антивандальная </t>
    </r>
    <r>
      <rPr>
        <b/>
        <sz val="11"/>
        <rFont val="Calibri"/>
        <family val="2"/>
      </rPr>
      <t>4 Мп</t>
    </r>
    <r>
      <rPr>
        <sz val="11"/>
        <rFont val="Calibri"/>
        <family val="2"/>
      </rPr>
      <t xml:space="preserve"> с ИК подсветкой до 30м, фикс. объектив 2.8/4.0 мм 1/3" CMOS, угол обзора 105.3°/79.7°,  ICR, 2688x1520:25fps, 720P (1280*720):25fps, два видеопотока, WDR 120dB, Ultra 265/H.264/MJPEG, ICR, 0.003Lux (F2.0, AGC ON)  минимальная освещенность, слот карты памяти Micro SD 256GB, IP67, 2KV, IK10; -40°C до +60°C; 12V, PoE (IEEE802.3 af), Потребляемая мощность: макс. 3.5 Вт., 0,49кг. Металлическое оснеование.</t>
    </r>
  </si>
  <si>
    <r>
      <t xml:space="preserve">Видеокамера IP Купольная 2 Мп с ИК подсветкой до 30м, фикс. объектив 2.8/4.0мм 1/2.7" CMOS,  угол обзора 112.9°/91.2°, ICR, 1080P (1920x1080):30к/с, 720P (1280*720), 30к/с, два видеопотока, </t>
    </r>
    <r>
      <rPr>
        <b/>
        <sz val="10"/>
        <color rgb="FFFF0000"/>
        <rFont val="Calibri"/>
        <family val="2"/>
      </rPr>
      <t>WDR 120db</t>
    </r>
    <r>
      <rPr>
        <sz val="10"/>
        <rFont val="Calibri"/>
        <family val="2"/>
      </rPr>
      <t xml:space="preserve">, Ultra 265/H.264/MJPEG, ICR, </t>
    </r>
    <r>
      <rPr>
        <b/>
        <sz val="10"/>
        <color rgb="FFFF0000"/>
        <rFont val="Calibri"/>
        <family val="2"/>
      </rPr>
      <t>0.01Lux</t>
    </r>
    <r>
      <rPr>
        <sz val="10"/>
        <rFont val="Calibri"/>
        <family val="2"/>
      </rPr>
      <t xml:space="preserve"> минимальная освещенность, встроенный микрофон, </t>
    </r>
    <r>
      <rPr>
        <b/>
        <sz val="10"/>
        <color rgb="FFFF0000"/>
        <rFont val="Calibri"/>
        <family val="2"/>
      </rPr>
      <t>слот карты памяти - micro SD до 128 Гб,</t>
    </r>
    <r>
      <rPr>
        <sz val="10"/>
        <rFont val="Calibri"/>
        <family val="2"/>
      </rPr>
      <t xml:space="preserve"> IP67; -40°C до +60°C; 12V, PoE (IEEE802.3 af), 2KV, Потребляемая мощность: макс. 7 Вт. 0.3кг  Металлическое основание. Обнаружение человеческа, вторжение, детекция движения - до 4 обл., OSD до 4 обл., приватность - до 4 обл., ROI -  до 8 обл.</t>
    </r>
  </si>
  <si>
    <r>
      <t xml:space="preserve">Видеокамера IP Купольная </t>
    </r>
    <r>
      <rPr>
        <b/>
        <sz val="11"/>
        <rFont val="Calibri"/>
        <family val="2"/>
      </rPr>
      <t>4 Мп</t>
    </r>
    <r>
      <rPr>
        <sz val="11"/>
        <rFont val="Calibri"/>
        <family val="2"/>
      </rPr>
      <t xml:space="preserve"> с ИК подсветкой до 30м, фикс. объектив 2.8/4.0 мм 1/3" CMOS,  угол обзора  105.3°/ 79.7°, ICR, два видеопотока - Main Stream: 4MP (2688*1520), Max 25fps; 4MP (2560*1440), Max 25fps; 3MP (2304*1296), Max 30fps; 2MP (1920*1080), Max 30fps; Sub Stream: 720P (1280*720), Max 25fps, WDR 120dB, Ultra 265/H.264/MJPEG, ICR, 0.003Lux (F2.0, AGC ON) минимальная освещенность, втроенный микрофон, Micro SD до 256 Гб, IP67, 2KV, -40°C до +50°C; 12V, PoE (IEEE802.3 af), Потребляемая мощность: макс. 3 Вт., 0.35кг. Металлическое основание.</t>
    </r>
  </si>
  <si>
    <t>IPC323LB-SF28K-G</t>
  </si>
  <si>
    <t>IPC323LB-SF28K-G-RU</t>
  </si>
  <si>
    <t>120dB WDR,IP67, HLC,car-grade LED</t>
  </si>
  <si>
    <t>1/3" CMOS, ICR, 3840x2160 20fps, Ultra 265/H.264/MJPEG,Triple stream, DC12V &amp; PoE,  IP67  IR range: up to 30m, 120dB WDR</t>
  </si>
  <si>
    <t>IPC3634LB-ADZK-G</t>
  </si>
  <si>
    <t>IPC3634LB-ADZK-G-RU</t>
  </si>
  <si>
    <r>
      <t xml:space="preserve">Видеокамера IP Уличная цилиндрическая </t>
    </r>
    <r>
      <rPr>
        <b/>
        <sz val="11"/>
        <color rgb="FFFF0000"/>
        <rFont val="Calibri"/>
        <family val="2"/>
      </rPr>
      <t>2 Мп</t>
    </r>
    <r>
      <rPr>
        <sz val="11"/>
        <rFont val="Calibri"/>
        <family val="2"/>
      </rPr>
      <t xml:space="preserve"> с ИК подсветкой </t>
    </r>
    <r>
      <rPr>
        <b/>
        <sz val="11"/>
        <color rgb="FFFF0000"/>
        <rFont val="Calibri"/>
        <family val="2"/>
      </rPr>
      <t>до 50м</t>
    </r>
    <r>
      <rPr>
        <sz val="11"/>
        <rFont val="Calibri"/>
        <family val="2"/>
      </rPr>
      <t xml:space="preserve">, моторизированный объектив: 2,8-12мм;  1/2.7" CMOS,  ICR, </t>
    </r>
    <r>
      <rPr>
        <b/>
        <sz val="11"/>
        <rFont val="Calibri"/>
        <family val="2"/>
      </rPr>
      <t>WDR 120dB,</t>
    </r>
    <r>
      <rPr>
        <sz val="11"/>
        <rFont val="Calibri"/>
        <family val="2"/>
      </rPr>
      <t xml:space="preserve"> Ultra 265/H.264/MJPEG, ICR, 0.003Lux (F1.6, AGC ON) минимальная освещенность, </t>
    </r>
    <r>
      <rPr>
        <b/>
        <sz val="11"/>
        <color rgb="FFFF0000"/>
        <rFont val="Calibri"/>
        <family val="2"/>
      </rPr>
      <t>встроенный микрофон, cлот micro SD (128Gb), детекция движения, детекчия человека, вторжение,</t>
    </r>
    <r>
      <rPr>
        <sz val="11"/>
        <rFont val="Calibri"/>
        <family val="2"/>
      </rPr>
      <t xml:space="preserve"> два  видеопотока - Main Stream: 1080P (1920*1080), Max 30fps; 720P (1280*720), Max 30fps Sub Stream: 720P (1280*720), Max 30fps, IP67; -40°C до +60°C; 12V, PoE (IEEE802.3 af), Потребляемая мощность: макс. 7,8 Вт. Металлическое основание.</t>
    </r>
  </si>
  <si>
    <t>снижение цены</t>
  </si>
  <si>
    <t>IPC312SB-ADF28K-I0</t>
  </si>
  <si>
    <t>IPC314SB-ADF28K-I0</t>
  </si>
  <si>
    <t>IPC314SB-ADF28K-I0-RU</t>
  </si>
  <si>
    <t>IPC312SB-ADF28K-I0-RU</t>
  </si>
  <si>
    <t>повышение цены</t>
  </si>
  <si>
    <t>4x</t>
  </si>
  <si>
    <t>Lighthunter,WDR, IP66, 4X optical zoom, HLC,
active deterrence,auto-tracking,strobe light
human body detection and tracking
dual-way talk</t>
  </si>
  <si>
    <t>1/2.8" CMOS, ICR, 1920x1080:30fps, Ultra 265/H.264/MJPEG, Triple streams, DC12V,POE, Micro SD card slot,  mic&amp;speaker, -20-60℃, IP66, 4x optical zoom( 2.8~ 12mm), IR range: up to 50m</t>
  </si>
  <si>
    <t>WDR, IP66, 22X optical zoom, HLC, PoE
Smart functions, EIS,auto-tracking</t>
  </si>
  <si>
    <t>1/2.9" CMOS, ICR, 1920x1080:60fps, Ultra 265/H.264/MJPEG, Triple streams, DC12V/PoE(PSE Required), Micro SD card slot, Alarm in/out 1/1, Audio, -40-65℃, IP66, 22x optical zoom(5.2~ 114.4mm), IR range: up to 150m, IR anti-reflection window</t>
  </si>
  <si>
    <t>120dB WDR, IP66, 33X optical zoom, HLC, PoE
Smart functions, EIS, auto-tracking</t>
  </si>
  <si>
    <t>1/2.8" CMOS, ICR, 1920x1080:60fps, Ultra 265/H.264/MJPEG, Triple streams, DC12V/PoE(PSE Required), Micro SD card slot, Alarm in/out 2/1, Audio, -40-65℃, IP66, 33x optical zoom( 4.5~ 148.5mm), IR range: up to 150m, IR anti-reflection window,BNC</t>
  </si>
  <si>
    <t>24-ch , 2 SATA interface, 16 BNC/5MP lite, 1U, H.265, audio over coaxial, face recognition</t>
  </si>
  <si>
    <t>8MP Lite@8fps(channel1-channel4）
5MP Lite@12fps 
4MP Lite@15fps
3MP@15fps(channel1-channel4)
2MP@15fps
720P@30fps</t>
  </si>
  <si>
    <t>16-ch , 2 SATA interface, 8 BNC/5MP, 1U, H.265, audio over coaxial, face recognition</t>
  </si>
  <si>
    <t>NVR301-16LS3-P8</t>
  </si>
  <si>
    <t>NVR301-16LS3-P8-RU</t>
  </si>
  <si>
    <t>1 x 4k@30, 
1 x 5MP@30, 
2 x 4MP@30, 
4 x 3MP@25, 
4 x 1080p@30, 
8 x 720p@30, 
16 x D1@25</t>
  </si>
  <si>
    <t>NVR301-16S3</t>
  </si>
  <si>
    <t>NVR301-16S3-RU</t>
  </si>
  <si>
    <t>16-ch, 1 SATA interface,Mini 1U, H.265</t>
  </si>
  <si>
    <t xml:space="preserve">1 x 4K@30,
1 x 5MP@30, 
2 x 4MP@30,
4 x 3MP@25, </t>
  </si>
  <si>
    <t>22 (English, Turkish,Danish,Norwegian-Bokmol,Romanian,Greek,Arabic,France, Spanish, Portuguese, German, Italian, Dutch, Swedish, Finnish, Polish, Czech, Russia, Korea, Simplified Chinese, Traditional Chinese, Japanese )</t>
    <phoneticPr fontId="3" type="noConversion"/>
  </si>
  <si>
    <t>65 inches</t>
    <phoneticPr fontId="3" type="noConversion"/>
  </si>
  <si>
    <t>3840×2160</t>
    <phoneticPr fontId="3" type="noConversion"/>
  </si>
  <si>
    <t>178°(H)
178°(V)</t>
    <phoneticPr fontId="3" type="noConversion"/>
  </si>
  <si>
    <t>450cd/m²</t>
    <phoneticPr fontId="3" type="noConversion"/>
  </si>
  <si>
    <t>1200:1</t>
    <phoneticPr fontId="3" type="noConversion"/>
  </si>
  <si>
    <t>6ms</t>
    <phoneticPr fontId="3" type="noConversion"/>
  </si>
  <si>
    <t>HDMI ×3, DP ×1, VGA ×1, LAN ×2, PC-AUDIO IN ×1, YPBPR ×1, AV ×1, TOUCH-USB ×2, OPS ×1, Android USB×2, Public USB×2</t>
    <phoneticPr fontId="3" type="noConversion"/>
  </si>
  <si>
    <t>HDMI×1, AV×1, S/PDIF×1, AUDID OUT×1</t>
    <phoneticPr fontId="3" type="noConversion"/>
  </si>
  <si>
    <t>20 points IR</t>
    <phoneticPr fontId="3" type="noConversion"/>
  </si>
  <si>
    <t>Android 8.0</t>
    <phoneticPr fontId="3" type="noConversion"/>
  </si>
  <si>
    <t>3GB DDR4</t>
    <phoneticPr fontId="3" type="noConversion"/>
  </si>
  <si>
    <t>16GB</t>
    <phoneticPr fontId="3" type="noConversion"/>
  </si>
  <si>
    <t>1506.3(W)×901.3(H)×96.1(D)</t>
    <phoneticPr fontId="3" type="noConversion"/>
  </si>
  <si>
    <t>42 Kg</t>
    <phoneticPr fontId="3" type="noConversion"/>
  </si>
  <si>
    <t>Language</t>
    <phoneticPr fontId="4" type="noConversion"/>
  </si>
  <si>
    <t>Screen size</t>
    <phoneticPr fontId="3" type="noConversion"/>
  </si>
  <si>
    <t>Resolution</t>
    <phoneticPr fontId="3" type="noConversion"/>
  </si>
  <si>
    <t>Field of View</t>
    <phoneticPr fontId="3" type="noConversion"/>
  </si>
  <si>
    <t>Brightness</t>
    <phoneticPr fontId="3" type="noConversion"/>
  </si>
  <si>
    <t>Contrast</t>
    <phoneticPr fontId="3" type="noConversion"/>
  </si>
  <si>
    <t>Response Time</t>
    <phoneticPr fontId="3" type="noConversion"/>
  </si>
  <si>
    <t>Input signal</t>
    <phoneticPr fontId="3" type="noConversion"/>
  </si>
  <si>
    <t>Output signal</t>
    <phoneticPr fontId="3" type="noConversion"/>
  </si>
  <si>
    <t>Touch</t>
    <phoneticPr fontId="3" type="noConversion"/>
  </si>
  <si>
    <t>OS</t>
    <phoneticPr fontId="3" type="noConversion"/>
  </si>
  <si>
    <t>RAM</t>
    <phoneticPr fontId="3" type="noConversion"/>
  </si>
  <si>
    <t>ROM</t>
    <phoneticPr fontId="3" type="noConversion"/>
  </si>
  <si>
    <t>Weight(Kg)</t>
    <phoneticPr fontId="3" type="noConversion"/>
  </si>
  <si>
    <t>75 inches</t>
    <phoneticPr fontId="3" type="noConversion"/>
  </si>
  <si>
    <t>8ms</t>
    <phoneticPr fontId="3" type="noConversion"/>
  </si>
  <si>
    <t>1735.98(W)×1034.52(H)×103.75(D)</t>
    <phoneticPr fontId="3" type="noConversion"/>
  </si>
  <si>
    <t>58 Kg</t>
    <phoneticPr fontId="3" type="noConversion"/>
  </si>
  <si>
    <t>86 inches</t>
    <phoneticPr fontId="3" type="noConversion"/>
  </si>
  <si>
    <t>400cd/m²</t>
    <phoneticPr fontId="3" type="noConversion"/>
  </si>
  <si>
    <t>1989.18(W)×1080.22(H)×119.7(D)</t>
    <phoneticPr fontId="3" type="noConversion"/>
  </si>
  <si>
    <t>77 Kg</t>
    <phoneticPr fontId="3" type="noConversion"/>
  </si>
  <si>
    <t>IPC542SE-HDK-I0 (апрель)</t>
  </si>
  <si>
    <t>Видеорегистратор IP 16-ти канальный с 8 POE портами. Видеовыходы  HDMI/ VGA, Аудиовыход  1 канал RCA,  Н.265/Н.264,  Разрешение записи  и просмотра 4K/5MP/4MP/3MP/1080p/960p/720p/D1/2CIF/CIF.  Входящий поток 64 Мбит/с ,  Исходящий поток 48 Мбит/с,  декодирование:  1 x 4K@30, 1 x 5MP@30, 2 x 4MP@30, 4 x 3MP@25, 4 x 1080p@30, 8 x 720p@30, 16 x D1@30,  удаленных пользователей  128, Одновременный просмотр 8 каналов, поддержка P2P, UPnP, NTP, DHCP, PPPoE , ONVIF, 1 SATA  до 6 Tb, RJ-45 10M/100M Ethernet, 2 x USB2.0, питание 48В/9Вт (блок питания в комплекте) POE - 30W максимум на каждый порт. Размеры 270 × 205 × 46 мм, вес 0.7 кг</t>
  </si>
  <si>
    <t>Видеорегистратор IP 16-ти канальный.   Видеовыходы  HDMI/ VGA,  Аудиовыход  1 канал RCA,   Н.265/Н.264,  Разрешение записи  и просмотра 8MP/6MP/5MP/4MP/3MP/1080p/960p/720p, Входящий поток 64 Мбит/с , Исходящий поток 48 Мбит/с,  декодирование:  1 x 4K@30, 1 x 5MP@30, 2 x 4MP@30, 4 x 3MP@20, 4x 1080p@30, 8 x 720p@30, 16 x D1@20,  удаленных пользователей  128, Face detection, Intrusion detection, Cross line detection, Audio detection, Face search, Behavior search. Одновременный просмотр 16ти каналов,  Поддержка P2P, UPnP, NTP, DHCP, PPPoE , ONVIF, 1 SATA  до 6 Tb, RJ-45 10M/100M Ethernet,  Front panel: 2 x USB2.0, питание 12В/15Вт (блок питания в комплекте), размеры 380mm × 315mm ×53mm , вес 0,98 кг</t>
  </si>
  <si>
    <t>16-ch, 2 SATA interface, 1U, H.265&amp;4K</t>
  </si>
  <si>
    <t>IPC6622ER-X33-VF</t>
  </si>
  <si>
    <t>IPC6622ER-X33-VF-RU</t>
  </si>
  <si>
    <r>
      <t>Видеокамера Lighthunter IP Скоростная поворотная уличная 2Мп с адаптивной ИК-подсветкой до 150м, с моторизованным вариофокальным объективом 4.5-148,5мм, Starlight, 33Х optical zoom, CMOS 1/2.8", угол обзора 56.2°~ 2.6°, ICR, 1920x1080:</t>
    </r>
    <r>
      <rPr>
        <b/>
        <sz val="11"/>
        <color rgb="FFFF0000"/>
        <rFont val="Calibri"/>
        <family val="2"/>
      </rPr>
      <t>60fps</t>
    </r>
    <r>
      <rPr>
        <sz val="11"/>
        <rFont val="Calibri"/>
        <family val="2"/>
      </rPr>
      <t xml:space="preserve">, пять видеопотоков: основной поток: 2MP(1920*1080),Max 60fps; дополнительный поток: 2MP (1920*1080), Max 60fps;  третий поток: D1 (720*576), Max 60fps; четвертый: D1 (720*576), Max 60fps; пятый: D1 (720*576), Max 60fps, Ultra 265/H.264/MJPEG, WDR 120dB, 0.001 Lux минимальная освещенность, cлот micro SD (256Gb), тревожные ввод/вывод 2/1, Audio ввод/вывод 1/1.   Smart функции - Support false alarm filtering：Line crossing detection, Intrusion detection, Region entrance detection, Region exit detection; Face capture; Motion detection, Audio detection, Tampering Alarm; Watermark, IP Address Filtering, Alarm input, Alarm output, Access Policy, ARP Protection, RTSP Authentication, User Authentication. Диапазон панорамирования 360°; Скорость панорамирования  0,1 ° / с ~ 240 ° / с, Предустановленная скорость: 300 ° / с, Диапазон наклона  -15 ° ~ + 90 ° (автоматический реверс), Скорость наклона  0.1° ~ 160°/s, Предустановленная скорость: 240 ° / с, кнопка сброса, 6KV, IP66, -40°C до +65°C; 24V AC/12V DC, PoE+ (требуется PSE-отдельный PoE-инжектор). Потребляемая мощность: макс. 48 Вт,  Ø227 x 359.4мм, 5,3 кг. </t>
    </r>
  </si>
  <si>
    <t>IPC3534LB-ADSZK-G</t>
  </si>
  <si>
    <t>IPC3534LB-ADSZK-G-RU</t>
  </si>
  <si>
    <t>IPC2123LB-AF28KM-G-RU</t>
  </si>
  <si>
    <t>IPC2123LB-AF40KM-G-RU</t>
  </si>
  <si>
    <t>IPC2123LB-AF28KM-G</t>
  </si>
  <si>
    <t>IPC2123LB-AF40KM-G</t>
  </si>
  <si>
    <t>Видеокамера IP Скоростная поворотная уличная Lighthunter 5Мп с адаптивной ИК-подсветкой до 50м, с моторизованным вариофокальным объективом 2.8~12мм, 4Х optical zoom, CMOS 1/2.7", Iris: F1.6, DC-Iris, угол обзора 30.6°~104.1° (H), ICR, тройной видеопоток: Main Stream: 5MP (2880*1620), Max 30fps; 4MP (2560*1440), Max 25fps;3MP (2304*1296), Max 25fps; 2MP (1920*1080), Max 30fps; Sub Stream: 720P (1280*720), Max 30fps; D1 (720*576), Max 30fps; 640*360, Max 30fps; 2CIF (704*288), Max 30fps; CIF (352*288), Max 30fps; Third Stream: D1 (720*576), Max 30fps; 640*360, Max 30fps; 2CIF (704*288), Max 30fps; CIF (352*288), Max 30fps;, Ultra 265/H.264/MJPEG, 120dB WDR, 0.003 Lux минимальная освещенность вкл. F1.6, cлот micro SD (256Gb), встроеннный микрофон / спикер, OSD -8,  ROI.    Диапазон панорамирования 345°; Скорость панорамирования  0.1°/s ~ 50°/s, Диапазон наклона  -10~110°, Скорость наклона  0.1° ~ 40°/s, IP66, -30°C до +60°C; DC 12V ±25%, PoE (IEEE 802.3af). Потребляемая мощность: макс. 18 Вт,  Ø133 x 269.4мм, 0,87кг.</t>
  </si>
  <si>
    <r>
      <t xml:space="preserve">Видеокамера IP Купольная антивандальная </t>
    </r>
    <r>
      <rPr>
        <b/>
        <sz val="11"/>
        <rFont val="Calibri"/>
        <family val="2"/>
      </rPr>
      <t>3 Мп</t>
    </r>
    <r>
      <rPr>
        <sz val="11"/>
        <rFont val="Calibri"/>
        <family val="2"/>
      </rPr>
      <t xml:space="preserve"> с ИК подсветкой до 30м, фикс. объектив 2.8/4.0 мм 1/2,8" CMOS, угол обзора 109.2°/89°, ICR,  два видеопотока - основной: 3MP (2304*1296), Max 25fps; 1080P (1920*1080), Max 30fps; 720P (1280*720), Max 30fps, дополнительный: 720P (1280*720), Max 30fps; D1 (720*576), Max 30fps; 640*360,Max 30fps; 2CIF(704*288), Max 30fps; CIF(352*288), Max 30fps;  DWDR, Ultra 265/H.264/MJPEG, ICR, 0.005Lux минимальная освещенность, слот карты памяти - micro SD до 128 Гб, IP67, IK10, 2KV; -40°C до +60°C; 12V, PoE (IEEE802.3 af), Потребляемая мощность: макс. 4 Вт. 0.45кг  Металлическое основание. Обнаружение человеческа, вторжение, детекция движения - до 4 обл., OSD до 4 обл., приватность - до 4 обл., ROI -  до 8 обл.</t>
    </r>
  </si>
  <si>
    <t>Видеокамера IP Уличная цилиндрическая 3 Мп с ИК подсветкой до 30м, фикс. объектив 2.8/4.0мм 1/2.8" CMOS, угол обзора 109.2°/89°, ICR,  два видеопотока - Main Stream: 3MP (2304*1296), Max 25fps; 1080P (1920*1080), Max 30fps; 720P (1280*720), Max 30fps Sub Stream: 720P (1280*720), Max 30fps; D1 (720*576), Max 30fps; 640*360,Max 30fps; 2CIF(704*288), Max 30fps; CIF(352*288), Max 30fps;, DWDR, Ultra 265/H.264/MJPEG, ICR, 0.005Lux минимальная освещенность, встроенный микрофон, слот карты памяти - micro SD до 128 Гб,ANR,NAS(NFS), режим корридора, IP67; -40°C до +60°C; 12V, PoE (IEEE802.3 af), 2KV, Потребляемая мощность: макс. 4 Вт. 0.37кг  Металлический корпус. Обнаружение человеческа, вторжение, детекция движения - до 4 обл., OSD до 4 обл., приватность - до 4 обл., ROI -  до 8 обл.</t>
  </si>
  <si>
    <r>
      <t xml:space="preserve">Видеокамера IP Купольная антивандальная 3 Мп с ИК подсветкой до 30м, фикс. объектив 2.8/4.0 мм 1/2,8" CMOS,  угол обзора 109.2°/89°, ICR, два видеопотока - Main Stream: 3MP (2304*1296), Max 30fps; 1080P (1920*1080), Max 30fps; 720P (1280*720), Max 30fps Sub Stream: 720P (1280*720), Max 30fps; D1 (720*576), Max 30fps; 640*360,Max 30fps; 2CIF(704*288), Max 30fps; CIF(352*288), Max 30fps; DWDR, Ultra 265/H.264/MJPEG, ICR, </t>
    </r>
    <r>
      <rPr>
        <b/>
        <sz val="10"/>
        <color rgb="FFFF0000"/>
        <rFont val="Calibri"/>
        <family val="2"/>
      </rPr>
      <t>0.005Lux</t>
    </r>
    <r>
      <rPr>
        <sz val="10"/>
        <rFont val="Calibri"/>
        <family val="2"/>
      </rPr>
      <t xml:space="preserve"> минимальная освещенность, встроенный микрофон, </t>
    </r>
    <r>
      <rPr>
        <b/>
        <sz val="10"/>
        <color rgb="FFFF0000"/>
        <rFont val="Calibri"/>
        <family val="2"/>
      </rPr>
      <t>слот карты памяти - micro SD до 128 Гб,</t>
    </r>
    <r>
      <rPr>
        <sz val="10"/>
        <rFont val="Calibri"/>
        <family val="2"/>
      </rPr>
      <t xml:space="preserve"> IP67; -40°C до +60°C; 12V, PoE (IEEE802.3 af), 2KV, Потребляемая мощность: макс. 4 Вт. 0.33кг  Металлическое основание. Обнаружение человеческа, вторжение, детекция движения - до 4 обл., OSD до 4 обл., приватность - до 4 обл., ROI -  до 8 обл.</t>
    </r>
  </si>
  <si>
    <r>
      <t xml:space="preserve">Видеокамера IP Уличная цилиндрическая </t>
    </r>
    <r>
      <rPr>
        <b/>
        <sz val="11"/>
        <color rgb="FFFF0000"/>
        <rFont val="Calibri"/>
        <family val="2"/>
      </rPr>
      <t>4 Мп</t>
    </r>
    <r>
      <rPr>
        <sz val="11"/>
        <rFont val="Calibri"/>
        <family val="2"/>
      </rPr>
      <t xml:space="preserve"> с ИК подсветкой </t>
    </r>
    <r>
      <rPr>
        <b/>
        <sz val="11"/>
        <color rgb="FFFF0000"/>
        <rFont val="Calibri"/>
        <family val="2"/>
      </rPr>
      <t>до 50м</t>
    </r>
    <r>
      <rPr>
        <sz val="11"/>
        <rFont val="Calibri"/>
        <family val="2"/>
      </rPr>
      <t>, моторизированный объектив: 2,8-12мм;  1/3" CMOS,   ICR, WDR 120dB, Ultra 265/H.264/MJPEG, ICR, 0.003Lux (F1.6, AGC ON) минимальная освещенность, встроенный микрофон, cлот micro SD (256Gb), детекция движения, детекчия человека, вторжение, два  видеопотока - Main Stream: 4MP (2688*1520), Max 25fps; 4MP (2560*1440), Max 25fps; 3MP (2304*1296), Max 25fps; 1080P (1920*1080), Max 30fps; Sub Stream: 720P (1280*720), Max 30fps; D1 (720*576), Max 30fps; 640*360,Max 30fps; 2CIF(704*288), Max 30fps; CIF(352*288), Max 30fps;, IP67; -40°C до +60°C; 12V, PoE (IEEE802.3 af), Потребляемая мощность: макс. 8 Вт. Металлическое основание.</t>
    </r>
  </si>
  <si>
    <r>
      <t xml:space="preserve">Видеокамера IP Купольная антивандальная 4 Мп с ИК подсветкой до 40м, моторизированный объектив: 2,8-12мм;  1/3" CMOS,  ICR, </t>
    </r>
    <r>
      <rPr>
        <b/>
        <sz val="11"/>
        <color rgb="FFFF0000"/>
        <rFont val="Calibri"/>
        <family val="2"/>
      </rPr>
      <t>WDR 120dB</t>
    </r>
    <r>
      <rPr>
        <sz val="11"/>
        <rFont val="Calibri"/>
        <family val="2"/>
      </rPr>
      <t xml:space="preserve">, Ultra 265/H.264/MJPEG, ICR, </t>
    </r>
    <r>
      <rPr>
        <b/>
        <sz val="11"/>
        <color rgb="FFFF0000"/>
        <rFont val="Calibri"/>
        <family val="2"/>
      </rPr>
      <t>0.003Lux</t>
    </r>
    <r>
      <rPr>
        <sz val="11"/>
        <rFont val="Calibri"/>
        <family val="2"/>
      </rPr>
      <t xml:space="preserve"> (F1.6, AGC ON) минимальная освещенность, </t>
    </r>
    <r>
      <rPr>
        <b/>
        <sz val="11"/>
        <color rgb="FFFF0000"/>
        <rFont val="Calibri"/>
        <family val="2"/>
      </rPr>
      <t>встроенный микрофон, cлот micro SD (128Gb)</t>
    </r>
    <r>
      <rPr>
        <sz val="11"/>
        <rFont val="Calibri"/>
        <family val="2"/>
      </rPr>
      <t xml:space="preserve">, </t>
    </r>
    <r>
      <rPr>
        <b/>
        <sz val="11"/>
        <color rgb="FFFF0000"/>
        <rFont val="Calibri"/>
        <family val="2"/>
      </rPr>
      <t>детекция движения, детекчия человека, вторжение, два видеопотока - Main Stream: 4MP (2688*1520), Max 25fps; 4MP (2560*1440), Max 25fps; 3MP (2304*1296), Max 25fps; 1080P (1920*1080), Max 30fps; Sub Stream: 720P (1280*720), Max 30fps; D1 (720*576), Max 30fps; 640*360,Max 30fps; 2CIF(704*288), Max 30fps; CIF(352*288), Max 30fps; 6KV, IP67</t>
    </r>
    <r>
      <rPr>
        <sz val="11"/>
        <rFont val="Calibri"/>
        <family val="2"/>
      </rPr>
      <t>; -40°C до +60°C; 12V, PoE (IEEE802.3 af), Потребляемая мощность: макс. 8,2 Вт. 0.67кг. Металлическое основание.</t>
    </r>
  </si>
  <si>
    <r>
      <t xml:space="preserve">Видеокамера IP Купольная антивандальная 4 Мп с ИК подсветкой до 40м, моторизированный объектив: 2,8-12мм;  1/3" CMOS,  ICR, </t>
    </r>
    <r>
      <rPr>
        <b/>
        <sz val="11"/>
        <color rgb="FFFF0000"/>
        <rFont val="Calibri"/>
        <family val="2"/>
      </rPr>
      <t>WDR 120dB</t>
    </r>
    <r>
      <rPr>
        <sz val="11"/>
        <rFont val="Calibri"/>
        <family val="2"/>
      </rPr>
      <t xml:space="preserve">, Ultra 265/H.264/MJPEG, ICR, </t>
    </r>
    <r>
      <rPr>
        <b/>
        <sz val="11"/>
        <color rgb="FFFF0000"/>
        <rFont val="Calibri"/>
        <family val="2"/>
      </rPr>
      <t>0.003Lux</t>
    </r>
    <r>
      <rPr>
        <sz val="11"/>
        <rFont val="Calibri"/>
        <family val="2"/>
      </rPr>
      <t xml:space="preserve"> (F1.6, AGC ON) минимальная освещенность, встроенный микрофон, </t>
    </r>
    <r>
      <rPr>
        <b/>
        <sz val="11"/>
        <color rgb="FFFF0000"/>
        <rFont val="Calibri"/>
        <family val="2"/>
      </rPr>
      <t>cлот micro SD (256Gb)</t>
    </r>
    <r>
      <rPr>
        <sz val="11"/>
        <rFont val="Calibri"/>
        <family val="2"/>
      </rPr>
      <t xml:space="preserve">, </t>
    </r>
    <r>
      <rPr>
        <b/>
        <sz val="11"/>
        <color rgb="FFFF0000"/>
        <rFont val="Calibri"/>
        <family val="2"/>
      </rPr>
      <t>детекция движения, детекчия человека, вторжение, два видеопотока - Main Stream: 4MP (2688*1520), Max 25fps; 4MP (2560*1440), Max 25fps; 3MP (2304*1296), Max 25fps; 1080P (1920*1080), Max 30fps; Sub Stream: 720P (1280*720), Max 30fps; D1 (720*576), Max 30fps; 640*360,Max 30fps; 2CIF(704*288), Max 30fps; CIF(352*288), Max 30fps; 6KV, IK10, IP67</t>
    </r>
    <r>
      <rPr>
        <sz val="11"/>
        <rFont val="Calibri"/>
        <family val="2"/>
      </rPr>
      <t>; -40°C до +60°C; 12V, PoE (IEEE802.3 af), Потребляемая мощность: макс. 8,2 Вт. Металлическое основание.</t>
    </r>
  </si>
  <si>
    <t>IP видеокамеры EASY</t>
  </si>
  <si>
    <t>IP видеокамеры PRIME</t>
  </si>
  <si>
    <r>
      <t>4K: 3840×2160@30Hz</t>
    </r>
    <r>
      <rPr>
        <sz val="10"/>
        <color theme="1"/>
        <rFont val="宋体"/>
        <family val="3"/>
        <charset val="134"/>
      </rPr>
      <t>，</t>
    </r>
    <r>
      <rPr>
        <sz val="10"/>
        <color theme="1"/>
        <rFont val="Calibri"/>
        <family val="2"/>
      </rPr>
      <t>WUXGA:1920×1200@60Hz</t>
    </r>
    <r>
      <rPr>
        <sz val="10"/>
        <color theme="1"/>
        <rFont val="宋体"/>
        <family val="3"/>
        <charset val="134"/>
      </rPr>
      <t>，</t>
    </r>
    <r>
      <rPr>
        <sz val="10"/>
        <color theme="1"/>
        <rFont val="Calibri"/>
        <family val="2"/>
      </rPr>
      <t>1080P:1920×1080@60Hz</t>
    </r>
    <r>
      <rPr>
        <sz val="10"/>
        <color theme="1"/>
        <rFont val="宋体"/>
        <family val="3"/>
        <charset val="134"/>
      </rPr>
      <t>，</t>
    </r>
    <r>
      <rPr>
        <sz val="10"/>
        <color theme="1"/>
        <rFont val="Calibri"/>
        <family val="2"/>
      </rPr>
      <t>UXGA:1600×1200@60Hz</t>
    </r>
    <r>
      <rPr>
        <sz val="10"/>
        <color theme="1"/>
        <rFont val="宋体"/>
        <family val="3"/>
        <charset val="134"/>
      </rPr>
      <t>，</t>
    </r>
    <r>
      <rPr>
        <sz val="10"/>
        <color theme="1"/>
        <rFont val="Calibri"/>
        <family val="2"/>
      </rPr>
      <t>WXGA+:1440×900@60Hz</t>
    </r>
    <r>
      <rPr>
        <sz val="10"/>
        <color theme="1"/>
        <rFont val="宋体"/>
        <family val="3"/>
        <charset val="134"/>
      </rPr>
      <t>，</t>
    </r>
    <r>
      <rPr>
        <sz val="10"/>
        <color theme="1"/>
        <rFont val="Calibri"/>
        <family val="2"/>
      </rPr>
      <t>SXGA:1280×1024@60Hz</t>
    </r>
    <r>
      <rPr>
        <sz val="10"/>
        <color theme="1"/>
        <rFont val="宋体"/>
        <family val="3"/>
        <charset val="134"/>
      </rPr>
      <t>，</t>
    </r>
    <r>
      <rPr>
        <sz val="10"/>
        <color theme="1"/>
        <rFont val="Calibri"/>
        <family val="2"/>
      </rPr>
      <t>720P:1280×720@60Hz</t>
    </r>
    <r>
      <rPr>
        <sz val="10"/>
        <color theme="1"/>
        <rFont val="宋体"/>
        <family val="3"/>
        <charset val="134"/>
      </rPr>
      <t>，</t>
    </r>
    <r>
      <rPr>
        <sz val="10"/>
        <color theme="1"/>
        <rFont val="Calibri"/>
        <family val="2"/>
      </rPr>
      <t>XGA:1024×768@60Hz</t>
    </r>
  </si>
  <si>
    <r>
      <t>Interface Type: 1*DVI, 1*HDMI
Input Resolution: 1920*1200 pixels maximum
Network Interface: 4 gigabit Ethernet Interface
Configuration Interface: USB 2.0*1
Control Area: 2.3million pixels maximum, maximum width: 4096pixels, maximum height: 2560 pixels
Transmission Distance: CAT5</t>
    </r>
    <r>
      <rPr>
        <sz val="8"/>
        <color theme="1"/>
        <rFont val="宋体"/>
        <family val="3"/>
        <charset val="134"/>
      </rPr>
      <t>≤</t>
    </r>
    <r>
      <rPr>
        <sz val="8"/>
        <color theme="1"/>
        <rFont val="Calibri"/>
        <family val="2"/>
      </rPr>
      <t>140M</t>
    </r>
    <r>
      <rPr>
        <sz val="8"/>
        <color theme="1"/>
        <rFont val="宋体"/>
        <family val="3"/>
        <charset val="134"/>
      </rPr>
      <t>；</t>
    </r>
    <r>
      <rPr>
        <sz val="8"/>
        <color theme="1"/>
        <rFont val="Calibri"/>
        <family val="2"/>
      </rPr>
      <t>CAT6</t>
    </r>
    <r>
      <rPr>
        <sz val="8"/>
        <color theme="1"/>
        <rFont val="宋体"/>
        <family val="3"/>
        <charset val="134"/>
      </rPr>
      <t>≤</t>
    </r>
    <r>
      <rPr>
        <sz val="8"/>
        <color theme="1"/>
        <rFont val="Calibri"/>
        <family val="2"/>
      </rPr>
      <t>170M</t>
    </r>
    <r>
      <rPr>
        <sz val="8"/>
        <color theme="1"/>
        <rFont val="宋体"/>
        <family val="3"/>
        <charset val="134"/>
      </rPr>
      <t>；</t>
    </r>
    <r>
      <rPr>
        <sz val="8"/>
        <color theme="1"/>
        <rFont val="Calibri"/>
        <family val="2"/>
      </rPr>
      <t>Optical fiber: No limitation
Dimensions(mm): 440(W)×240(D)×44(H); Weight: 2.0kg
Power Supply: AC 100~240V; Rated Power Consumption: 20W</t>
    </r>
  </si>
  <si>
    <t>анонс аналога 
в апреле</t>
  </si>
  <si>
    <t>NVR301-04LB</t>
  </si>
  <si>
    <t>Видеорегистратор IP 4-х канальный.  Видеовыходы  HDMI/ VGA,  Н.265/Н.264,  Разрешение записи  и просмотра 1080p/960p/720p, Входящий поток 40 Мбит/с , Исходящий поток 40 Мбит/с,  декодирование:  2 x 1080@30к/с, 4 x 720p@30к/с,  удаленных пользователей  256, Одновременный просмотр 4 каналов,  Поддержка P2P, UPnP, NTP, DHCP, PPPoE , ONVIF, 1 SATA  до 10 Tb, RJ-45 10M/100M Ethernet, 2 x USB2.0, питание 12В/3,2Вт (блок питания в комплекте). Размеры 205 × 205 × 42 мм, вес 0.51 кг</t>
  </si>
  <si>
    <t>NVR301-04LB-P4</t>
  </si>
  <si>
    <t>Видеорегистратор IP 4-х канальный с 4 POE портами.  Видеовыходы  HDMI/ VGA,  Н.265/Н.264,  Разрешение записи  и просмотра 1080p/960p/720p, Входящий поток 40 Мбит/с , Исходящий поток 40 Мбит/с,  декодирование:  2 x 1080@30к/с, 4 x 720p@30к/с,  удаленных пользователей  256, Одновременный просмотр 4 каналов,  Поддержка P2P, UPnP, NTP, DHCP, PPPoE , ONVIF, 1 SATA  до 10 Tb, RJ-45 10M/100M Ethernet, 2 x USB2.0, питание 48В/5Вт (блок питания в комплекте) POE - 13.5W на каждый порт. Размеры 205 × 205 × 42 мм, вес 0.59 кг</t>
  </si>
  <si>
    <t>NVR301-04B</t>
  </si>
  <si>
    <t>Видеорегистратор IP 4-х канальный.  Видеовыходы  HDMI/ VGA,  Н.265/Н.264,  Разрешение записи  и просмотра 1080p/960p/720p, Входящий поток 40 Мбит/с , Исходящий поток 40 Мбит/с,  декодирование:  2 x 1080@30к/с, 4 x 720p@30к/с,  удаленных пользователей  256, Одновременный просмотр 4 каналов,  Поддержка P2P, UPnP, NTP, DHCP, PPPoE , ONVIF, 1 SATA  до 10 Tb, RJ-45 10M/100M Ethernet, 2 x USB2.0, питание 12В/3,2Вт (блок питания в комплекте). Размеры 260 × 240 × 44 мм, вес 0.9 кг</t>
  </si>
  <si>
    <t>NVR301-04B-P4</t>
  </si>
  <si>
    <t>Видеорегистратор IP 4-х канальный с 4 POE портами.  Видеовыходы  HDMI/ VGA,  Н.265/Н.264,  Разрешение записи  и просмотра 1080p/960p/720p, Входящий поток 40 Мбит/с , Исходящий поток 40 Мбит/с,  декодирование:  2 x 1080@30к/с, 4 x 720p@30к/с,  удаленных пользователей  256, Одновременный просмотр 4 каналов,  Поддержка P2P, UPnP, NTP, DHCP, PPPoE , ONVIF, 1 SATA  до 10 Tb, RJ-45 10M/100M Ethernet, 2 x USB2.0, питание 48В/5Вт (блок питания в комплекте) POE - 13.5W на каждый порт. Размеры 260 × 240 × 44 мм, вес 0.93 кг</t>
  </si>
  <si>
    <t>NVR301-08LB</t>
  </si>
  <si>
    <t>Видеорегистратор IP 8-ми канальный.  Видеовыходы  HDMI/ VGA,  Н.265/Н.264,  Разрешение записи  и просмотра 1080p/960p/720p, Входящий поток 40 Мбит/с , Исходящий поток 40 Мбит/с,  декодирование:  2 x 1080@30к/с, 4 x 720p@30к/с,  удаленных пользователей  256, Одновременный просмотр 8 каналов,  Поддержка P2P, UPnP, NTP, DHCP, PPPoE , ONVIF, 1 SATA  до 10 Tb, RJ-45 10M/100M Ethernet, 2 x USB2.0, питание 12В/3,2Вт (блок питания в комплекте) . Размеры 205 × 205 × 42 мм, вес 0.51 кг</t>
  </si>
  <si>
    <t>NVR301-08LB-P8</t>
  </si>
  <si>
    <t>Видеорегистратор IP 8-ми канальный с 8 POE портами.  Видеовыходы  HDMI/ VGA,  Н.265/Н.264,  Разрешение записи  и просмотра 1080p/960p/720p, Входящий поток 40 Мбит/с , Исходящий поток 40 Мбит/с,  декодирование:  2 x 1080@30к/с, 4 x 720p@30к/с,  удаленных пользователей  256, Одновременный просмотр 8 каналов,  Поддержка P2P, UPnP, NTP, DHCP, PPPoE , ONVIF, 1 SATA  до 10 Tb, RJ-45 10M/100M Ethernet, 2 x USB2.0, питание 48В/5Вт (блок питания в комплекте) POE - 13.5W на каждый порт. Размеры 205 × 205 × 42 мм, вес 0.64 кг</t>
  </si>
  <si>
    <t>NVR301-08B</t>
  </si>
  <si>
    <t>Видеорегистратор IP 8-ми канальный.  Видеовыходы  HDMI/ VGA,  Н.265/Н.264,  Разрешение записи  и просмотра 1080p/960p/720p, Входящий поток 40 Мбит/с , Исходящий поток 40 Мбит/с,  декодирование:  2 x 1080@30к/с, 4 x 720p@30к/с,  удаленных пользователей  256, Одновременный просмотр 8 каналов,  Поддержка P2P, UPnP, NTP, DHCP, PPPoE , ONVIF, 1 SATA  до 10 Tb, RJ-45 10M/100M Ethernet, 2 x USB2.0, питание 12В/3,2Вт (блок питания в комплекте). Размеры 260 × 240 × 44 мм, вес 0.9 кг</t>
  </si>
  <si>
    <t>NVR301-08B-P8</t>
  </si>
  <si>
    <t>Видеорегистратор IP 8-ми канальный с 8 POE портами.  Видеовыходы  HDMI/ VGA,  Н.265/Н.264,  Разрешение записи  и просмотра 1080p/960p/720p, Входящий поток 40 Мбит/с , Исходящий поток 40 Мбит/с,  декодирование:  2 x 1080@30к/с, 4 x 720p@30к/с,  удаленных пользователей  256, Одновременный просмотр 8 каналов,  Поддержка P2P, UPnP, NTP, DHCP, PPPoE , ONVIF, 1 SATA  до 10 Tb, RJ-45 10M/100M Ethernet, 2 x USB2.0, питание 48В/5Вт (блок питания в комплекте) POE - 13.5W на каждый порт. Размеры 260 × 240 × 44 мм, вес 0.93 кг</t>
  </si>
  <si>
    <t>SALE</t>
  </si>
  <si>
    <t>NVR301-04L-P4</t>
  </si>
  <si>
    <t>Видеорегистратор IP 4-х канальный с 4 POE портами. Видеовыходы  HDMI/ VGA,  Аудиовыход  1 канал RCA,   Н.265/Н.264,  Разрешение записи  и просмотра 8MP/6MP/5MP/4MP/3MP/1080p/960p/720p, Входящий поток 40 Мбит/с , Исходящий поток 64 Мбит/с,  запись:  1 x 4K@30 к/с, 2 x 4MP@30к/с, 4 x 1080p@30к/с,  удаленных пользователей  128, Одновременный просмотр 4 каналов,  Поддержка P2P, UPnP, NTP, DHCP, PPPoE , ONVIF, 1 SATA  до 10 Tb, RJ-45 10M/100M Ethernet, 2 x USB2.0, питание 48В/8Вт (блок питания в комплекте) POE - 13.5W на каждый порт. Размеры 205 × 205 × 42 мм, вес 0.59 кг</t>
  </si>
</sst>
</file>

<file path=xl/styles.xml><?xml version="1.0" encoding="utf-8"?>
<styleSheet xmlns="http://schemas.openxmlformats.org/spreadsheetml/2006/main">
  <numFmts count="6">
    <numFmt numFmtId="164" formatCode="_ * #,##0.00_ ;_ * \-#,##0.00_ ;_ * &quot;-&quot;??_ ;_ @_ "/>
    <numFmt numFmtId="165" formatCode="\$#,##0_);[Red]\(\$#,##0\)"/>
    <numFmt numFmtId="166" formatCode="_(&quot;$&quot;* #,##0.00_);_(&quot;$&quot;* \(#,##0.00\);_(&quot;$&quot;* &quot;-&quot;??_);_(@_)"/>
    <numFmt numFmtId="167" formatCode="#,##0\ [$₽-419]_);[Red]\(#,##0\ [$₽-419]\)"/>
    <numFmt numFmtId="168" formatCode="&quot;US$&quot;#,##0.00;\-&quot;US$&quot;#,##0.00"/>
    <numFmt numFmtId="169" formatCode="[$-F400]h:mm:ss\ AM/PM"/>
  </numFmts>
  <fonts count="131">
    <font>
      <sz val="11"/>
      <color theme="1"/>
      <name val="Calibri"/>
      <charset val="134"/>
      <scheme val="minor"/>
    </font>
    <font>
      <sz val="11"/>
      <color theme="1"/>
      <name val="Calibri"/>
      <family val="2"/>
      <charset val="204"/>
      <scheme val="minor"/>
    </font>
    <font>
      <sz val="11"/>
      <color theme="1"/>
      <name val="Calibri"/>
      <family val="2"/>
      <charset val="204"/>
      <scheme val="minor"/>
    </font>
    <font>
      <sz val="10"/>
      <name val="Calibri"/>
      <family val="2"/>
    </font>
    <font>
      <b/>
      <sz val="10"/>
      <color rgb="FFFF0000"/>
      <name val="Calibri"/>
      <family val="2"/>
    </font>
    <font>
      <b/>
      <sz val="10"/>
      <color theme="0" tint="-0.249977111117893"/>
      <name val="Calibri"/>
      <family val="2"/>
    </font>
    <font>
      <b/>
      <sz val="10"/>
      <name val="Calibri"/>
      <family val="2"/>
    </font>
    <font>
      <b/>
      <sz val="10"/>
      <color indexed="9"/>
      <name val="Calibri"/>
      <family val="2"/>
    </font>
    <font>
      <b/>
      <sz val="10"/>
      <color rgb="FFC00000"/>
      <name val="Calibri"/>
      <family val="2"/>
    </font>
    <font>
      <b/>
      <sz val="10"/>
      <color rgb="FF0000FF"/>
      <name val="Calibri"/>
      <family val="2"/>
    </font>
    <font>
      <sz val="11"/>
      <color theme="1"/>
      <name val="Calibri"/>
      <family val="2"/>
    </font>
    <font>
      <sz val="11"/>
      <name val="Calibri"/>
      <family val="2"/>
    </font>
    <font>
      <b/>
      <sz val="11"/>
      <name val="Calibri"/>
      <family val="2"/>
    </font>
    <font>
      <b/>
      <sz val="11"/>
      <color theme="1"/>
      <name val="Calibri"/>
      <family val="2"/>
    </font>
    <font>
      <u/>
      <sz val="16"/>
      <color theme="10"/>
      <name val="Calibri"/>
      <family val="2"/>
    </font>
    <font>
      <sz val="11"/>
      <name val="Calibri"/>
      <family val="2"/>
    </font>
    <font>
      <b/>
      <sz val="11"/>
      <name val="Calibri"/>
      <family val="2"/>
    </font>
    <font>
      <sz val="11"/>
      <color rgb="FFFF0000"/>
      <name val="Calibri"/>
      <family val="2"/>
    </font>
    <font>
      <sz val="11"/>
      <color theme="1"/>
      <name val="Calibri"/>
      <family val="2"/>
      <scheme val="minor"/>
    </font>
    <font>
      <sz val="11"/>
      <color theme="1"/>
      <name val="Calibri"/>
      <family val="2"/>
      <scheme val="minor"/>
    </font>
    <font>
      <sz val="12"/>
      <name val="宋体"/>
      <charset val="134"/>
    </font>
    <font>
      <u/>
      <sz val="11"/>
      <color theme="10"/>
      <name val="Calibri"/>
      <family val="2"/>
    </font>
    <font>
      <sz val="10"/>
      <name val="Arial"/>
      <family val="2"/>
    </font>
    <font>
      <sz val="11"/>
      <color indexed="8"/>
      <name val="Arial"/>
      <family val="2"/>
    </font>
    <font>
      <sz val="10"/>
      <color indexed="8"/>
      <name val="Arial Narrow"/>
      <family val="2"/>
    </font>
    <font>
      <sz val="12"/>
      <name val="Times New Roman"/>
      <family val="1"/>
    </font>
    <font>
      <b/>
      <sz val="10"/>
      <color theme="0" tint="-0.249977111117893"/>
      <name val="宋体"/>
      <charset val="134"/>
    </font>
    <font>
      <b/>
      <sz val="10"/>
      <color rgb="FFFF0000"/>
      <name val="宋体"/>
      <charset val="134"/>
    </font>
    <font>
      <sz val="10"/>
      <color theme="0" tint="-0.249977111117893"/>
      <name val="Calibri"/>
      <family val="2"/>
    </font>
    <font>
      <b/>
      <sz val="10"/>
      <name val="宋体"/>
      <charset val="134"/>
    </font>
    <font>
      <b/>
      <sz val="10"/>
      <name val="Arial"/>
      <family val="2"/>
    </font>
    <font>
      <sz val="9"/>
      <name val="Calibri"/>
      <family val="3"/>
      <charset val="134"/>
      <scheme val="minor"/>
    </font>
    <font>
      <sz val="10"/>
      <color rgb="FFFF0000"/>
      <name val="Calibri"/>
      <family val="2"/>
    </font>
    <font>
      <b/>
      <sz val="11"/>
      <color rgb="FFFF0000"/>
      <name val="Calibri"/>
      <family val="2"/>
    </font>
    <font>
      <sz val="11"/>
      <color theme="1"/>
      <name val="Cambria"/>
      <family val="1"/>
    </font>
    <font>
      <b/>
      <sz val="11"/>
      <color theme="1"/>
      <name val="Calibri"/>
      <family val="2"/>
      <scheme val="minor"/>
    </font>
    <font>
      <b/>
      <sz val="11"/>
      <color rgb="FFFF0000"/>
      <name val="Cambria"/>
      <family val="1"/>
      <charset val="204"/>
    </font>
    <font>
      <b/>
      <sz val="11"/>
      <color theme="1"/>
      <name val="Cambria"/>
      <family val="1"/>
      <charset val="204"/>
    </font>
    <font>
      <b/>
      <sz val="11"/>
      <name val="Calibri"/>
      <family val="2"/>
      <scheme val="minor"/>
    </font>
    <font>
      <sz val="11"/>
      <color rgb="FFFF0000"/>
      <name val="Calibri"/>
      <family val="2"/>
      <scheme val="minor"/>
    </font>
    <font>
      <sz val="11"/>
      <color theme="1"/>
      <name val="Calibri"/>
      <family val="2"/>
      <scheme val="minor"/>
    </font>
    <font>
      <b/>
      <sz val="12"/>
      <color indexed="9"/>
      <name val="Calibri"/>
      <family val="2"/>
      <scheme val="minor"/>
    </font>
    <font>
      <b/>
      <sz val="11"/>
      <color theme="0"/>
      <name val="Calibri"/>
      <family val="2"/>
      <scheme val="minor"/>
    </font>
    <font>
      <b/>
      <sz val="12"/>
      <color theme="0"/>
      <name val="Calibri"/>
      <family val="2"/>
      <scheme val="minor"/>
    </font>
    <font>
      <sz val="11"/>
      <name val="Calibri"/>
      <family val="2"/>
      <scheme val="minor"/>
    </font>
    <font>
      <b/>
      <i/>
      <sz val="11"/>
      <color theme="1"/>
      <name val="Calibri"/>
      <family val="2"/>
      <scheme val="minor"/>
    </font>
    <font>
      <sz val="8"/>
      <color rgb="FFFF0000"/>
      <name val="Calibri"/>
      <family val="2"/>
      <scheme val="minor"/>
    </font>
    <font>
      <sz val="10"/>
      <color rgb="FFFF0000"/>
      <name val="Calibri"/>
      <family val="2"/>
      <scheme val="minor"/>
    </font>
    <font>
      <sz val="11"/>
      <color rgb="FF000000"/>
      <name val="Calibri"/>
      <family val="2"/>
    </font>
    <font>
      <sz val="11"/>
      <color theme="1"/>
      <name val="Calibri"/>
      <family val="2"/>
      <charset val="134"/>
      <scheme val="minor"/>
    </font>
    <font>
      <b/>
      <i/>
      <sz val="14"/>
      <color rgb="FFFF0000"/>
      <name val="Calibri"/>
      <family val="2"/>
    </font>
    <font>
      <b/>
      <sz val="10"/>
      <color theme="0"/>
      <name val="Calibri"/>
      <family val="2"/>
    </font>
    <font>
      <sz val="8"/>
      <name val="Calibri"/>
      <family val="2"/>
    </font>
    <font>
      <sz val="8"/>
      <color theme="10"/>
      <name val="Calibri"/>
      <family val="2"/>
    </font>
    <font>
      <sz val="11"/>
      <color theme="1"/>
      <name val="Calibri"/>
      <family val="3"/>
      <charset val="134"/>
      <scheme val="minor"/>
    </font>
    <font>
      <b/>
      <sz val="12"/>
      <color indexed="9"/>
      <name val="Calibri"/>
      <family val="2"/>
    </font>
    <font>
      <b/>
      <sz val="12"/>
      <color theme="0"/>
      <name val="Calibri"/>
      <family val="2"/>
    </font>
    <font>
      <b/>
      <sz val="11"/>
      <color theme="0"/>
      <name val="宋体"/>
      <family val="3"/>
      <charset val="134"/>
    </font>
    <font>
      <b/>
      <sz val="11"/>
      <color theme="0"/>
      <name val="Calibri"/>
      <family val="2"/>
    </font>
    <font>
      <b/>
      <sz val="11"/>
      <color rgb="FFC00000"/>
      <name val="Calibri"/>
      <family val="2"/>
    </font>
    <font>
      <b/>
      <strike/>
      <sz val="11"/>
      <color rgb="FFC00000"/>
      <name val="Calibri"/>
      <family val="2"/>
    </font>
    <font>
      <b/>
      <sz val="11"/>
      <color rgb="FFC00000"/>
      <name val="宋体"/>
      <family val="3"/>
      <charset val="134"/>
    </font>
    <font>
      <b/>
      <i/>
      <sz val="11"/>
      <color rgb="FFFF0000"/>
      <name val="Calibri"/>
      <family val="2"/>
    </font>
    <font>
      <sz val="10"/>
      <color theme="1"/>
      <name val="微软雅黑"/>
      <family val="2"/>
      <charset val="134"/>
    </font>
    <font>
      <sz val="12"/>
      <name val="宋体"/>
      <family val="3"/>
      <charset val="134"/>
    </font>
    <font>
      <b/>
      <sz val="9"/>
      <name val="Cambria"/>
      <family val="3"/>
      <charset val="134"/>
      <scheme val="major"/>
    </font>
    <font>
      <sz val="9"/>
      <color rgb="FFFF0000"/>
      <name val="Calibri"/>
      <family val="3"/>
      <charset val="134"/>
      <scheme val="minor"/>
    </font>
    <font>
      <b/>
      <sz val="9"/>
      <color rgb="FF0000FF"/>
      <name val="Calibri"/>
      <family val="3"/>
      <charset val="134"/>
      <scheme val="minor"/>
    </font>
    <font>
      <sz val="11"/>
      <color rgb="FFFF0000"/>
      <name val="Calibri"/>
      <family val="3"/>
      <charset val="134"/>
      <scheme val="minor"/>
    </font>
    <font>
      <sz val="9"/>
      <name val="Cambria"/>
      <family val="3"/>
      <charset val="134"/>
      <scheme val="major"/>
    </font>
    <font>
      <sz val="9"/>
      <color rgb="FFFF0000"/>
      <name val="Cambria"/>
      <family val="3"/>
      <charset val="134"/>
      <scheme val="major"/>
    </font>
    <font>
      <b/>
      <sz val="9"/>
      <color rgb="FF0000FF"/>
      <name val="Calibri"/>
      <family val="2"/>
      <scheme val="minor"/>
    </font>
    <font>
      <sz val="9"/>
      <name val="Calibri"/>
      <family val="2"/>
      <charset val="204"/>
    </font>
    <font>
      <sz val="9"/>
      <color theme="1"/>
      <name val="Calibri"/>
      <family val="2"/>
      <charset val="204"/>
    </font>
    <font>
      <sz val="9"/>
      <color theme="1"/>
      <name val="Calibri Light"/>
      <family val="2"/>
      <charset val="204"/>
    </font>
    <font>
      <sz val="9"/>
      <color theme="1"/>
      <name val="宋体"/>
      <charset val="134"/>
    </font>
    <font>
      <sz val="9"/>
      <color theme="1"/>
      <name val="Calibri Light"/>
      <family val="2"/>
    </font>
    <font>
      <sz val="9"/>
      <name val="Calibri Light"/>
      <family val="2"/>
      <charset val="204"/>
    </font>
    <font>
      <sz val="9"/>
      <color theme="1"/>
      <name val="Calibri"/>
      <family val="2"/>
      <scheme val="minor"/>
    </font>
    <font>
      <sz val="9"/>
      <name val="宋体"/>
      <charset val="134"/>
    </font>
    <font>
      <sz val="9"/>
      <name val="Calibri Light"/>
      <family val="2"/>
    </font>
    <font>
      <sz val="9"/>
      <name val="Calibri"/>
      <family val="2"/>
    </font>
    <font>
      <sz val="9"/>
      <color theme="1"/>
      <name val="Calibri"/>
      <family val="2"/>
    </font>
    <font>
      <sz val="9"/>
      <color rgb="FF9900FF"/>
      <name val="Calibri"/>
      <family val="3"/>
      <charset val="134"/>
      <scheme val="minor"/>
    </font>
    <font>
      <sz val="9"/>
      <color rgb="FF9900FF"/>
      <name val="Cambria"/>
      <family val="3"/>
      <charset val="134"/>
      <scheme val="major"/>
    </font>
    <font>
      <sz val="9"/>
      <color rgb="FF0000FF"/>
      <name val="Cambria"/>
      <family val="3"/>
      <charset val="134"/>
      <scheme val="major"/>
    </font>
    <font>
      <sz val="9"/>
      <color theme="1"/>
      <name val="Calibri"/>
      <family val="3"/>
      <charset val="134"/>
      <scheme val="minor"/>
    </font>
    <font>
      <sz val="11"/>
      <name val="Calibri"/>
      <family val="3"/>
      <charset val="134"/>
      <scheme val="minor"/>
    </font>
    <font>
      <sz val="10"/>
      <color theme="0"/>
      <name val="微软雅黑"/>
      <family val="2"/>
      <charset val="134"/>
    </font>
    <font>
      <sz val="10"/>
      <color rgb="FFFF0000"/>
      <name val="微软雅黑"/>
      <family val="2"/>
      <charset val="134"/>
    </font>
    <font>
      <sz val="10"/>
      <name val="微软雅黑"/>
      <family val="2"/>
      <charset val="134"/>
    </font>
    <font>
      <sz val="11"/>
      <color rgb="FF9900FF"/>
      <name val="Calibri"/>
      <family val="3"/>
      <charset val="134"/>
      <scheme val="minor"/>
    </font>
    <font>
      <b/>
      <sz val="8"/>
      <color rgb="FFFF0000"/>
      <name val="Calibri"/>
      <family val="2"/>
    </font>
    <font>
      <b/>
      <sz val="10"/>
      <color theme="1"/>
      <name val="Calibri"/>
      <family val="2"/>
    </font>
    <font>
      <sz val="10"/>
      <color theme="1"/>
      <name val="Calibri"/>
      <family val="2"/>
    </font>
    <font>
      <sz val="8"/>
      <color theme="1"/>
      <name val="Calibri"/>
      <family val="2"/>
    </font>
    <font>
      <sz val="8"/>
      <name val="Cambria"/>
      <family val="3"/>
      <charset val="134"/>
      <scheme val="major"/>
    </font>
    <font>
      <sz val="8"/>
      <color theme="1"/>
      <name val="Calibri"/>
      <family val="2"/>
      <scheme val="minor"/>
    </font>
    <font>
      <b/>
      <sz val="8"/>
      <name val="Cambria"/>
      <family val="3"/>
      <charset val="204"/>
      <scheme val="major"/>
    </font>
    <font>
      <b/>
      <sz val="8"/>
      <color theme="1"/>
      <name val="Calibri"/>
      <family val="2"/>
      <charset val="204"/>
      <scheme val="minor"/>
    </font>
    <font>
      <b/>
      <sz val="8"/>
      <name val="Cambria"/>
      <family val="3"/>
      <charset val="134"/>
      <scheme val="major"/>
    </font>
    <font>
      <sz val="8"/>
      <color rgb="FFFF0000"/>
      <name val="Calibri"/>
      <family val="3"/>
      <charset val="134"/>
      <scheme val="minor"/>
    </font>
    <font>
      <sz val="8"/>
      <color rgb="FF9900FF"/>
      <name val="Calibri"/>
      <family val="3"/>
      <charset val="134"/>
      <scheme val="minor"/>
    </font>
    <font>
      <b/>
      <sz val="12"/>
      <color rgb="FFFFFFFF"/>
      <name val="Calibri"/>
      <family val="2"/>
    </font>
    <font>
      <b/>
      <sz val="11"/>
      <color rgb="FFFFFFFF"/>
      <name val="宋体"/>
      <family val="2"/>
      <charset val="134"/>
    </font>
    <font>
      <b/>
      <sz val="11"/>
      <color rgb="FFFFFFFF"/>
      <name val="Calibri"/>
      <family val="2"/>
    </font>
    <font>
      <sz val="11"/>
      <color rgb="FF000000"/>
      <name val="宋体"/>
      <family val="3"/>
      <charset val="134"/>
    </font>
    <font>
      <b/>
      <sz val="11"/>
      <color rgb="FF000000"/>
      <name val="Calibri"/>
      <family val="2"/>
    </font>
    <font>
      <b/>
      <sz val="16"/>
      <color rgb="FFFF0000"/>
      <name val="Calibri"/>
      <family val="2"/>
    </font>
    <font>
      <b/>
      <sz val="14"/>
      <color indexed="9"/>
      <name val="Calibri"/>
      <family val="2"/>
    </font>
    <font>
      <b/>
      <sz val="14"/>
      <color theme="0"/>
      <name val="宋体"/>
      <family val="3"/>
      <charset val="134"/>
    </font>
    <font>
      <b/>
      <sz val="14"/>
      <color rgb="FFFFFFFF"/>
      <name val="微软雅黑"/>
      <family val="2"/>
      <charset val="134"/>
    </font>
    <font>
      <sz val="14"/>
      <color rgb="FF000000"/>
      <name val="微软雅黑"/>
      <family val="2"/>
      <charset val="134"/>
    </font>
    <font>
      <b/>
      <sz val="10"/>
      <color rgb="FFFF0000"/>
      <name val="微软雅黑"/>
      <family val="2"/>
      <charset val="134"/>
    </font>
    <font>
      <sz val="11"/>
      <color rgb="FFFF0000"/>
      <name val="宋体"/>
      <family val="3"/>
      <charset val="134"/>
    </font>
    <font>
      <sz val="10"/>
      <color rgb="FF000000"/>
      <name val="微软雅黑"/>
      <family val="2"/>
      <charset val="134"/>
    </font>
    <font>
      <b/>
      <sz val="11"/>
      <color theme="0"/>
      <name val="Calibri"/>
      <family val="3"/>
      <charset val="134"/>
    </font>
    <font>
      <b/>
      <sz val="12"/>
      <name val="Calibri"/>
      <family val="2"/>
    </font>
    <font>
      <sz val="8"/>
      <name val="Calibri"/>
      <family val="2"/>
      <scheme val="minor"/>
    </font>
    <font>
      <sz val="9"/>
      <name val="Calibri"/>
      <family val="2"/>
      <scheme val="minor"/>
    </font>
    <font>
      <sz val="9"/>
      <name val="微软雅黑"/>
      <family val="2"/>
      <charset val="134"/>
    </font>
    <font>
      <sz val="8"/>
      <color theme="0"/>
      <name val="Calibri"/>
      <family val="2"/>
    </font>
    <font>
      <sz val="8"/>
      <color rgb="FFFF0000"/>
      <name val="Calibri"/>
      <family val="2"/>
    </font>
    <font>
      <sz val="10"/>
      <color theme="0"/>
      <name val="Calibri"/>
      <family val="2"/>
    </font>
    <font>
      <sz val="10"/>
      <color theme="1"/>
      <name val="宋体"/>
      <family val="3"/>
      <charset val="134"/>
    </font>
    <font>
      <sz val="8"/>
      <color theme="0"/>
      <name val="Calibri"/>
      <family val="2"/>
      <charset val="204"/>
    </font>
    <font>
      <sz val="8"/>
      <color theme="1"/>
      <name val="Calibri"/>
      <family val="2"/>
      <charset val="204"/>
    </font>
    <font>
      <sz val="8"/>
      <name val="Calibri"/>
      <family val="2"/>
      <charset val="204"/>
    </font>
    <font>
      <sz val="8"/>
      <color theme="1"/>
      <name val="宋体"/>
      <family val="3"/>
      <charset val="134"/>
    </font>
    <font>
      <sz val="10"/>
      <name val="Calibri"/>
      <family val="2"/>
      <charset val="204"/>
    </font>
    <font>
      <sz val="11"/>
      <color rgb="FFFF0000"/>
      <name val="Calibri"/>
      <family val="2"/>
      <charset val="204"/>
      <scheme val="minor"/>
    </font>
  </fonts>
  <fills count="19">
    <fill>
      <patternFill patternType="none"/>
    </fill>
    <fill>
      <patternFill patternType="gray125"/>
    </fill>
    <fill>
      <patternFill patternType="solid">
        <fgColor theme="0"/>
        <bgColor indexed="64"/>
      </patternFill>
    </fill>
    <fill>
      <patternFill patternType="solid">
        <fgColor rgb="FF3297C0"/>
        <bgColor indexed="64"/>
      </patternFill>
    </fill>
    <fill>
      <patternFill patternType="solid">
        <fgColor indexed="22"/>
        <bgColor indexed="64"/>
      </patternFill>
    </fill>
    <fill>
      <patternFill patternType="solid">
        <fgColor theme="8" tint="0.79995117038483843"/>
        <bgColor indexed="64"/>
      </patternFill>
    </fill>
    <fill>
      <patternFill patternType="solid">
        <fgColor theme="3" tint="0.59999389629810485"/>
        <bgColor indexed="64"/>
      </patternFill>
    </fill>
    <fill>
      <patternFill patternType="solid">
        <fgColor theme="4" tint="0.79995117038483843"/>
        <bgColor indexed="64"/>
      </patternFill>
    </fill>
    <fill>
      <patternFill patternType="solid">
        <fgColor rgb="FFFFFF00"/>
        <bgColor indexed="64"/>
      </patternFill>
    </fill>
    <fill>
      <patternFill patternType="solid">
        <fgColor theme="5" tint="0.79998168889431442"/>
        <bgColor indexed="64"/>
      </patternFill>
    </fill>
    <fill>
      <patternFill patternType="solid">
        <fgColor rgb="FFFF0000"/>
        <bgColor indexed="64"/>
      </patternFill>
    </fill>
    <fill>
      <patternFill patternType="solid">
        <fgColor rgb="FF0070C0"/>
        <bgColor indexed="64"/>
      </patternFill>
    </fill>
    <fill>
      <patternFill patternType="solid">
        <fgColor theme="1" tint="0.34998626667073579"/>
        <bgColor indexed="64"/>
      </patternFill>
    </fill>
    <fill>
      <patternFill patternType="solid">
        <fgColor theme="8" tint="0.39997558519241921"/>
        <bgColor indexed="64"/>
      </patternFill>
    </fill>
    <fill>
      <patternFill patternType="solid">
        <fgColor rgb="FF3297C0"/>
        <bgColor rgb="FF000000"/>
      </patternFill>
    </fill>
    <fill>
      <patternFill patternType="solid">
        <fgColor rgb="FFDAEEF3"/>
        <bgColor rgb="FF000000"/>
      </patternFill>
    </fill>
    <fill>
      <patternFill patternType="solid">
        <fgColor rgb="FF5B9BD5"/>
        <bgColor indexed="64"/>
      </patternFill>
    </fill>
    <fill>
      <patternFill patternType="solid">
        <fgColor rgb="FFDCF2F2"/>
        <bgColor indexed="64"/>
      </patternFill>
    </fill>
    <fill>
      <patternFill patternType="solid">
        <fgColor rgb="FFD2DEEF"/>
        <bgColor indexed="64"/>
      </patternFill>
    </fill>
  </fills>
  <borders count="55">
    <border>
      <left/>
      <right/>
      <top/>
      <bottom/>
      <diagonal/>
    </border>
    <border>
      <left style="hair">
        <color auto="1"/>
      </left>
      <right style="hair">
        <color auto="1"/>
      </right>
      <top style="hair">
        <color auto="1"/>
      </top>
      <bottom style="hair">
        <color auto="1"/>
      </bottom>
      <diagonal/>
    </border>
    <border>
      <left style="hair">
        <color auto="1"/>
      </left>
      <right/>
      <top style="hair">
        <color auto="1"/>
      </top>
      <bottom style="hair">
        <color auto="1"/>
      </bottom>
      <diagonal/>
    </border>
    <border>
      <left style="hair">
        <color auto="1"/>
      </left>
      <right/>
      <top style="hair">
        <color auto="1"/>
      </top>
      <bottom style="thin">
        <color auto="1"/>
      </bottom>
      <diagonal/>
    </border>
    <border>
      <left/>
      <right/>
      <top style="hair">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style="dotted">
        <color rgb="FF00B050"/>
      </left>
      <right style="dotted">
        <color rgb="FF00B050"/>
      </right>
      <top style="dotted">
        <color rgb="FF00B050"/>
      </top>
      <bottom style="dotted">
        <color rgb="FF00B050"/>
      </bottom>
      <diagonal/>
    </border>
    <border>
      <left style="dotted">
        <color rgb="FF00B050"/>
      </left>
      <right style="dotted">
        <color rgb="FF00B050"/>
      </right>
      <top style="dotted">
        <color rgb="FF00B050"/>
      </top>
      <bottom/>
      <diagonal/>
    </border>
    <border>
      <left style="dotted">
        <color rgb="FF00B050"/>
      </left>
      <right style="dotted">
        <color rgb="FF00B050"/>
      </right>
      <top/>
      <bottom style="dotted">
        <color rgb="FF00B050"/>
      </bottom>
      <diagonal/>
    </border>
    <border>
      <left/>
      <right/>
      <top/>
      <bottom style="thin">
        <color auto="1"/>
      </bottom>
      <diagonal/>
    </border>
    <border>
      <left style="thin">
        <color auto="1"/>
      </left>
      <right style="thin">
        <color auto="1"/>
      </right>
      <top style="thin">
        <color auto="1"/>
      </top>
      <bottom style="thin">
        <color auto="1"/>
      </bottom>
      <diagonal/>
    </border>
    <border>
      <left style="thin">
        <color auto="1"/>
      </left>
      <right style="thin">
        <color auto="1"/>
      </right>
      <top/>
      <bottom style="thin">
        <color auto="1"/>
      </bottom>
      <diagonal/>
    </border>
    <border>
      <left style="thin">
        <color auto="1"/>
      </left>
      <right/>
      <top/>
      <bottom/>
      <diagonal/>
    </border>
    <border>
      <left style="thin">
        <color auto="1"/>
      </left>
      <right/>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rgb="FF000000"/>
      </left>
      <right style="thin">
        <color auto="1"/>
      </right>
      <top style="thin">
        <color rgb="FF000000"/>
      </top>
      <bottom/>
      <diagonal/>
    </border>
    <border>
      <left style="thin">
        <color rgb="FF000000"/>
      </left>
      <right style="thin">
        <color auto="1"/>
      </right>
      <top/>
      <bottom style="thin">
        <color rgb="FF000000"/>
      </bottom>
      <diagonal/>
    </border>
    <border>
      <left style="thin">
        <color auto="1"/>
      </left>
      <right style="thin">
        <color rgb="FF000000"/>
      </right>
      <top style="thin">
        <color auto="1"/>
      </top>
      <bottom/>
      <diagonal/>
    </border>
    <border>
      <left style="thin">
        <color auto="1"/>
      </left>
      <right style="thin">
        <color rgb="FF000000"/>
      </right>
      <top/>
      <bottom/>
      <diagonal/>
    </border>
    <border>
      <left/>
      <right style="thin">
        <color auto="1"/>
      </right>
      <top/>
      <bottom/>
      <diagonal/>
    </border>
    <border>
      <left/>
      <right style="thin">
        <color auto="1"/>
      </right>
      <top/>
      <bottom style="thin">
        <color auto="1"/>
      </bottom>
      <diagonal/>
    </border>
    <border>
      <left style="thin">
        <color auto="1"/>
      </left>
      <right style="thin">
        <color auto="1"/>
      </right>
      <top style="thin">
        <color rgb="FF000000"/>
      </top>
      <bottom/>
      <diagonal/>
    </border>
    <border>
      <left style="thin">
        <color auto="1"/>
      </left>
      <right style="thin">
        <color auto="1"/>
      </right>
      <top/>
      <bottom style="thin">
        <color rgb="FF000000"/>
      </bottom>
      <diagonal/>
    </border>
    <border>
      <left style="thin">
        <color rgb="FF000000"/>
      </left>
      <right style="thin">
        <color auto="1"/>
      </right>
      <top style="thin">
        <color auto="1"/>
      </top>
      <bottom/>
      <diagonal/>
    </border>
    <border>
      <left style="thin">
        <color rgb="FF000000"/>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rgb="FF000000"/>
      </right>
      <top/>
      <bottom style="thin">
        <color auto="1"/>
      </bottom>
      <diagonal/>
    </border>
    <border>
      <left style="thin">
        <color rgb="FF000000"/>
      </left>
      <right style="thin">
        <color rgb="FF000000"/>
      </right>
      <top style="thin">
        <color rgb="FF000000"/>
      </top>
      <bottom style="thin">
        <color rgb="FF000000"/>
      </bottom>
      <diagonal/>
    </border>
    <border>
      <left/>
      <right style="thin">
        <color rgb="FF000000"/>
      </right>
      <top style="thin">
        <color rgb="FF000000"/>
      </top>
      <bottom style="thin">
        <color rgb="FF000000"/>
      </bottom>
      <diagonal/>
    </border>
    <border>
      <left/>
      <right style="thin">
        <color auto="1"/>
      </right>
      <top style="thin">
        <color auto="1"/>
      </top>
      <bottom/>
      <diagonal/>
    </border>
    <border>
      <left style="thin">
        <color rgb="FF000000"/>
      </left>
      <right style="thin">
        <color auto="1"/>
      </right>
      <top/>
      <bottom style="thin">
        <color indexed="64"/>
      </bottom>
      <diagonal/>
    </border>
    <border>
      <left style="thin">
        <color rgb="FF000000"/>
      </left>
      <right style="thin">
        <color auto="1"/>
      </right>
      <top style="thin">
        <color auto="1"/>
      </top>
      <bottom style="thin">
        <color indexed="64"/>
      </bottom>
      <diagonal/>
    </border>
    <border>
      <left style="medium">
        <color auto="1"/>
      </left>
      <right/>
      <top style="medium">
        <color auto="1"/>
      </top>
      <bottom/>
      <diagonal/>
    </border>
    <border>
      <left/>
      <right style="medium">
        <color auto="1"/>
      </right>
      <top style="medium">
        <color auto="1"/>
      </top>
      <bottom/>
      <diagonal/>
    </border>
    <border>
      <left/>
      <right/>
      <top style="medium">
        <color auto="1"/>
      </top>
      <bottom/>
      <diagonal/>
    </border>
    <border>
      <left style="medium">
        <color auto="1"/>
      </left>
      <right/>
      <top/>
      <bottom/>
      <diagonal/>
    </border>
    <border>
      <left/>
      <right style="medium">
        <color auto="1"/>
      </right>
      <top/>
      <bottom/>
      <diagonal/>
    </border>
    <border>
      <left style="medium">
        <color auto="1"/>
      </left>
      <right/>
      <top/>
      <bottom style="medium">
        <color auto="1"/>
      </bottom>
      <diagonal/>
    </border>
    <border>
      <left/>
      <right style="medium">
        <color auto="1"/>
      </right>
      <top/>
      <bottom style="medium">
        <color auto="1"/>
      </bottom>
      <diagonal/>
    </border>
    <border>
      <left/>
      <right/>
      <top/>
      <bottom style="medium">
        <color auto="1"/>
      </bottom>
      <diagonal/>
    </border>
    <border>
      <left style="thin">
        <color auto="1"/>
      </left>
      <right/>
      <top style="thin">
        <color auto="1"/>
      </top>
      <bottom/>
      <diagonal/>
    </border>
    <border>
      <left style="medium">
        <color rgb="FFFFFFFF"/>
      </left>
      <right style="medium">
        <color rgb="FFFFFFFF"/>
      </right>
      <top style="medium">
        <color rgb="FFFFFFFF"/>
      </top>
      <bottom style="thick">
        <color rgb="FFFFFFFF"/>
      </bottom>
      <diagonal/>
    </border>
    <border>
      <left style="medium">
        <color rgb="FFFFFFFF"/>
      </left>
      <right style="medium">
        <color rgb="FFFFFFFF"/>
      </right>
      <top style="thick">
        <color rgb="FFFFFFFF"/>
      </top>
      <bottom style="medium">
        <color rgb="FFFFFFFF"/>
      </bottom>
      <diagonal/>
    </border>
    <border>
      <left style="medium">
        <color rgb="FFFFFFFF"/>
      </left>
      <right/>
      <top style="thick">
        <color rgb="FFFFFFFF"/>
      </top>
      <bottom style="medium">
        <color rgb="FFFFFFFF"/>
      </bottom>
      <diagonal/>
    </border>
    <border>
      <left/>
      <right style="medium">
        <color rgb="FFFFFFFF"/>
      </right>
      <top style="thick">
        <color rgb="FFFFFFFF"/>
      </top>
      <bottom style="medium">
        <color rgb="FFFFFFFF"/>
      </bottom>
      <diagonal/>
    </border>
    <border>
      <left style="medium">
        <color rgb="FFFFFFFF"/>
      </left>
      <right/>
      <top style="medium">
        <color rgb="FFFFFFFF"/>
      </top>
      <bottom style="thick">
        <color rgb="FFFFFFFF"/>
      </bottom>
      <diagonal/>
    </border>
    <border>
      <left/>
      <right style="medium">
        <color rgb="FFFFFFFF"/>
      </right>
      <top style="medium">
        <color rgb="FFFFFFFF"/>
      </top>
      <bottom style="thick">
        <color rgb="FFFFFFFF"/>
      </bottom>
      <diagonal/>
    </border>
    <border>
      <left style="thin">
        <color auto="1"/>
      </left>
      <right style="thin">
        <color rgb="FF000000"/>
      </right>
      <top style="thin">
        <color auto="1"/>
      </top>
      <bottom style="thin">
        <color indexed="64"/>
      </bottom>
      <diagonal/>
    </border>
    <border>
      <left style="dotted">
        <color rgb="FF009999"/>
      </left>
      <right style="dotted">
        <color rgb="FF009999"/>
      </right>
      <top style="dotted">
        <color rgb="FF009999"/>
      </top>
      <bottom style="dotted">
        <color rgb="FF009999"/>
      </bottom>
      <diagonal/>
    </border>
    <border>
      <left style="thin">
        <color theme="0" tint="-0.14996795556505021"/>
      </left>
      <right style="thin">
        <color theme="0" tint="-0.14996795556505021"/>
      </right>
      <top style="thin">
        <color theme="0" tint="-0.14996795556505021"/>
      </top>
      <bottom style="thin">
        <color theme="0" tint="-0.14996795556505021"/>
      </bottom>
      <diagonal/>
    </border>
    <border>
      <left/>
      <right/>
      <top style="thin">
        <color indexed="64"/>
      </top>
      <bottom/>
      <diagonal/>
    </border>
    <border>
      <left style="thin">
        <color theme="0" tint="-0.24994659260841701"/>
      </left>
      <right style="thin">
        <color theme="0" tint="-0.24994659260841701"/>
      </right>
      <top style="thin">
        <color theme="0" tint="-0.24994659260841701"/>
      </top>
      <bottom style="thin">
        <color theme="0" tint="-0.24994659260841701"/>
      </bottom>
      <diagonal/>
    </border>
  </borders>
  <cellStyleXfs count="53">
    <xf numFmtId="0" fontId="0" fillId="0" borderId="0">
      <alignment vertical="center"/>
    </xf>
    <xf numFmtId="0" fontId="20" fillId="0" borderId="0">
      <alignment vertical="center"/>
    </xf>
    <xf numFmtId="0" fontId="20" fillId="0" borderId="0">
      <alignment vertical="center"/>
    </xf>
    <xf numFmtId="0" fontId="21" fillId="0" borderId="0" applyNumberFormat="0" applyFill="0" applyBorder="0" applyAlignment="0" applyProtection="0">
      <alignment vertical="top"/>
      <protection locked="0"/>
    </xf>
    <xf numFmtId="9" fontId="18" fillId="0" borderId="0" applyFont="0" applyFill="0" applyBorder="0" applyAlignment="0" applyProtection="0">
      <alignment vertical="center"/>
    </xf>
    <xf numFmtId="0" fontId="19" fillId="0" borderId="0"/>
    <xf numFmtId="0" fontId="20" fillId="0" borderId="0"/>
    <xf numFmtId="0" fontId="20" fillId="0" borderId="0">
      <alignment vertical="center"/>
    </xf>
    <xf numFmtId="168" fontId="23" fillId="0" borderId="0">
      <alignment vertical="center"/>
    </xf>
    <xf numFmtId="168" fontId="22" fillId="0" borderId="0"/>
    <xf numFmtId="0" fontId="22" fillId="0" borderId="0"/>
    <xf numFmtId="0" fontId="20" fillId="0" borderId="0">
      <alignment vertical="center"/>
    </xf>
    <xf numFmtId="0" fontId="20" fillId="0" borderId="0">
      <alignment vertical="center"/>
    </xf>
    <xf numFmtId="0" fontId="24" fillId="0" borderId="0" applyProtection="0">
      <alignment vertical="center"/>
    </xf>
    <xf numFmtId="0" fontId="20" fillId="0" borderId="0" applyProtection="0">
      <alignment vertical="center"/>
    </xf>
    <xf numFmtId="0" fontId="20" fillId="0" borderId="0">
      <alignment vertical="center"/>
    </xf>
    <xf numFmtId="0" fontId="18"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20" fillId="0" borderId="0">
      <alignment vertical="center"/>
    </xf>
    <xf numFmtId="0" fontId="18" fillId="0" borderId="0"/>
    <xf numFmtId="166" fontId="22" fillId="0" borderId="0" applyFont="0" applyFill="0" applyBorder="0" applyAlignment="0" applyProtection="0"/>
    <xf numFmtId="164" fontId="18" fillId="0" borderId="0" applyFont="0" applyFill="0" applyBorder="0" applyAlignment="0" applyProtection="0">
      <alignment vertical="center"/>
    </xf>
    <xf numFmtId="164" fontId="18" fillId="0" borderId="0" applyFont="0" applyFill="0" applyBorder="0" applyAlignment="0" applyProtection="0">
      <alignment vertical="center"/>
    </xf>
    <xf numFmtId="164" fontId="18" fillId="0" borderId="0" applyFont="0" applyFill="0" applyBorder="0" applyAlignment="0" applyProtection="0">
      <alignment vertical="center"/>
    </xf>
    <xf numFmtId="164" fontId="18" fillId="0" borderId="0" applyFont="0" applyFill="0" applyBorder="0" applyAlignment="0" applyProtection="0">
      <alignment vertical="center"/>
    </xf>
    <xf numFmtId="0" fontId="25" fillId="0" borderId="0"/>
    <xf numFmtId="9" fontId="18" fillId="0" borderId="0" applyFont="0" applyFill="0" applyBorder="0" applyAlignment="0" applyProtection="0"/>
    <xf numFmtId="0" fontId="40" fillId="0" borderId="0"/>
    <xf numFmtId="0" fontId="18" fillId="0" borderId="0">
      <alignment vertical="center"/>
    </xf>
    <xf numFmtId="0" fontId="18" fillId="0" borderId="0"/>
    <xf numFmtId="9" fontId="18" fillId="0" borderId="0" applyFont="0" applyFill="0" applyBorder="0" applyAlignment="0" applyProtection="0"/>
    <xf numFmtId="169" fontId="49" fillId="0" borderId="0">
      <alignment vertical="center"/>
    </xf>
    <xf numFmtId="0" fontId="54" fillId="0" borderId="0">
      <alignment vertical="center"/>
    </xf>
    <xf numFmtId="0" fontId="54" fillId="0" borderId="0">
      <alignment vertical="center"/>
    </xf>
    <xf numFmtId="0" fontId="64" fillId="0" borderId="0">
      <alignment vertical="center"/>
    </xf>
    <xf numFmtId="0" fontId="2" fillId="0" borderId="0"/>
    <xf numFmtId="0" fontId="54" fillId="0" borderId="0">
      <alignment vertical="center"/>
    </xf>
    <xf numFmtId="0" fontId="54" fillId="0" borderId="0">
      <alignment vertical="center"/>
    </xf>
    <xf numFmtId="0" fontId="1" fillId="0" borderId="0">
      <alignment vertical="center"/>
    </xf>
    <xf numFmtId="0" fontId="18" fillId="0" borderId="0"/>
  </cellStyleXfs>
  <cellXfs count="672">
    <xf numFmtId="0" fontId="0" fillId="0" borderId="0" xfId="0">
      <alignment vertical="center"/>
    </xf>
    <xf numFmtId="0" fontId="3" fillId="0" borderId="0" xfId="10" applyFont="1" applyAlignment="1">
      <alignment vertical="center"/>
    </xf>
    <xf numFmtId="0" fontId="3" fillId="0" borderId="0" xfId="0" applyFont="1" applyAlignment="1"/>
    <xf numFmtId="0" fontId="4" fillId="2" borderId="0" xfId="10" applyFont="1" applyFill="1"/>
    <xf numFmtId="0" fontId="5" fillId="2" borderId="0" xfId="10" applyFont="1" applyFill="1"/>
    <xf numFmtId="0" fontId="6" fillId="2" borderId="0" xfId="10" applyFont="1" applyFill="1"/>
    <xf numFmtId="0" fontId="3" fillId="0" borderId="0" xfId="10" applyFont="1"/>
    <xf numFmtId="0" fontId="3" fillId="0" borderId="0" xfId="10" applyFont="1" applyAlignment="1">
      <alignment horizontal="left"/>
    </xf>
    <xf numFmtId="0" fontId="3" fillId="0" borderId="0" xfId="10" applyFont="1" applyAlignment="1">
      <alignment wrapText="1"/>
    </xf>
    <xf numFmtId="0" fontId="7" fillId="3" borderId="1" xfId="0" applyFont="1" applyFill="1" applyBorder="1" applyAlignment="1">
      <alignment horizontal="center" vertical="center" wrapText="1"/>
    </xf>
    <xf numFmtId="0" fontId="7" fillId="3" borderId="2" xfId="0" applyFont="1" applyFill="1" applyBorder="1" applyAlignment="1">
      <alignment horizontal="center" vertical="center" wrapText="1"/>
    </xf>
    <xf numFmtId="0" fontId="6" fillId="4" borderId="3" xfId="0" applyFont="1" applyFill="1" applyBorder="1">
      <alignment vertical="center"/>
    </xf>
    <xf numFmtId="0" fontId="6" fillId="4" borderId="4" xfId="0" applyFont="1" applyFill="1" applyBorder="1">
      <alignment vertical="center"/>
    </xf>
    <xf numFmtId="0" fontId="4" fillId="0" borderId="0" xfId="10" applyFont="1" applyAlignment="1">
      <alignment vertical="center"/>
    </xf>
    <xf numFmtId="0" fontId="4" fillId="0" borderId="0" xfId="10" applyFont="1" applyAlignment="1">
      <alignment horizontal="center" vertical="center"/>
    </xf>
    <xf numFmtId="0" fontId="4" fillId="0" borderId="0" xfId="10" applyFont="1" applyAlignment="1">
      <alignment vertical="center" wrapText="1"/>
    </xf>
    <xf numFmtId="0" fontId="4" fillId="0" borderId="0" xfId="10" applyFont="1"/>
    <xf numFmtId="0" fontId="6" fillId="4" borderId="5" xfId="10" applyFont="1" applyFill="1" applyBorder="1" applyAlignment="1">
      <alignment vertical="center"/>
    </xf>
    <xf numFmtId="0" fontId="6" fillId="4" borderId="6" xfId="10" applyFont="1" applyFill="1" applyBorder="1" applyAlignment="1">
      <alignment vertical="center"/>
    </xf>
    <xf numFmtId="0" fontId="6" fillId="4" borderId="6" xfId="10" applyFont="1" applyFill="1" applyBorder="1" applyAlignment="1">
      <alignment vertical="center" wrapText="1"/>
    </xf>
    <xf numFmtId="0" fontId="5" fillId="0" borderId="7" xfId="10" applyFont="1" applyBorder="1" applyAlignment="1">
      <alignment vertical="center"/>
    </xf>
    <xf numFmtId="0" fontId="5" fillId="0" borderId="8" xfId="10" applyFont="1" applyBorder="1" applyAlignment="1">
      <alignment horizontal="center" vertical="center"/>
    </xf>
    <xf numFmtId="0" fontId="5" fillId="0" borderId="7" xfId="10" applyFont="1" applyBorder="1" applyAlignment="1">
      <alignment vertical="center" wrapText="1"/>
    </xf>
    <xf numFmtId="0" fontId="5" fillId="0" borderId="0" xfId="10" applyFont="1"/>
    <xf numFmtId="0" fontId="5" fillId="0" borderId="9" xfId="10" applyFont="1" applyBorder="1" applyAlignment="1">
      <alignment horizontal="center" vertical="center"/>
    </xf>
    <xf numFmtId="0" fontId="8" fillId="0" borderId="0" xfId="10" applyFont="1" applyAlignment="1">
      <alignment horizontal="left"/>
    </xf>
    <xf numFmtId="0" fontId="6" fillId="0" borderId="7" xfId="10" applyFont="1" applyBorder="1" applyAlignment="1">
      <alignment vertical="center"/>
    </xf>
    <xf numFmtId="0" fontId="6" fillId="0" borderId="8" xfId="10" applyFont="1" applyBorder="1" applyAlignment="1">
      <alignment horizontal="center" vertical="center"/>
    </xf>
    <xf numFmtId="0" fontId="6" fillId="0" borderId="7" xfId="10" applyFont="1" applyBorder="1" applyAlignment="1">
      <alignment vertical="center" wrapText="1"/>
    </xf>
    <xf numFmtId="0" fontId="9" fillId="0" borderId="0" xfId="10" applyFont="1"/>
    <xf numFmtId="0" fontId="6" fillId="0" borderId="0" xfId="10" applyFont="1"/>
    <xf numFmtId="0" fontId="6" fillId="0" borderId="9" xfId="10" applyFont="1" applyBorder="1" applyAlignment="1">
      <alignment horizontal="center" vertical="center"/>
    </xf>
    <xf numFmtId="0" fontId="6" fillId="0" borderId="0" xfId="10" applyFont="1" applyAlignment="1">
      <alignment vertical="center"/>
    </xf>
    <xf numFmtId="0" fontId="6" fillId="0" borderId="0" xfId="10" applyFont="1" applyAlignment="1">
      <alignment horizontal="center" vertical="center"/>
    </xf>
    <xf numFmtId="0" fontId="3" fillId="2" borderId="0" xfId="10" applyFont="1" applyFill="1" applyAlignment="1">
      <alignment vertical="center"/>
    </xf>
    <xf numFmtId="0" fontId="3" fillId="2" borderId="10" xfId="10" applyFont="1" applyFill="1" applyBorder="1" applyAlignment="1">
      <alignment vertical="center"/>
    </xf>
    <xf numFmtId="0" fontId="12" fillId="6" borderId="11" xfId="0" applyFont="1" applyFill="1" applyBorder="1" applyAlignment="1">
      <alignment horizontal="center" vertical="center"/>
    </xf>
    <xf numFmtId="0" fontId="12" fillId="0" borderId="0" xfId="10" applyFont="1" applyAlignment="1">
      <alignment horizontal="center" vertical="center"/>
    </xf>
    <xf numFmtId="0" fontId="11" fillId="0" borderId="0" xfId="10" applyFont="1" applyAlignment="1">
      <alignment vertical="center"/>
    </xf>
    <xf numFmtId="0" fontId="11" fillId="0" borderId="0" xfId="10" applyFont="1"/>
    <xf numFmtId="0" fontId="15" fillId="0" borderId="0" xfId="10" applyFont="1"/>
    <xf numFmtId="0" fontId="15" fillId="0" borderId="0" xfId="10" applyFont="1" applyAlignment="1">
      <alignment wrapText="1"/>
    </xf>
    <xf numFmtId="0" fontId="15" fillId="7" borderId="5" xfId="10" applyFont="1" applyFill="1" applyBorder="1" applyAlignment="1">
      <alignment horizontal="left" vertical="center"/>
    </xf>
    <xf numFmtId="0" fontId="15" fillId="7" borderId="11" xfId="10" applyFont="1" applyFill="1" applyBorder="1" applyAlignment="1">
      <alignment horizontal="center" vertical="center"/>
    </xf>
    <xf numFmtId="0" fontId="3" fillId="0" borderId="0" xfId="10" applyFont="1" applyAlignment="1">
      <alignment horizontal="center" vertical="center"/>
    </xf>
    <xf numFmtId="0" fontId="3" fillId="0" borderId="0" xfId="10" applyFont="1" applyAlignment="1">
      <alignment vertical="center" wrapText="1"/>
    </xf>
    <xf numFmtId="0" fontId="12" fillId="0" borderId="11" xfId="10" applyFont="1" applyBorder="1" applyAlignment="1">
      <alignment horizontal="left" vertical="center" wrapText="1"/>
    </xf>
    <xf numFmtId="0" fontId="12" fillId="7" borderId="6" xfId="10" applyFont="1" applyFill="1" applyBorder="1" applyAlignment="1">
      <alignment vertical="center"/>
    </xf>
    <xf numFmtId="0" fontId="12" fillId="7" borderId="15" xfId="10" applyFont="1" applyFill="1" applyBorder="1" applyAlignment="1">
      <alignment vertical="center"/>
    </xf>
    <xf numFmtId="0" fontId="12" fillId="7" borderId="13" xfId="10" applyFont="1" applyFill="1" applyBorder="1" applyAlignment="1">
      <alignment horizontal="left" vertical="center"/>
    </xf>
    <xf numFmtId="0" fontId="12" fillId="7" borderId="14" xfId="10" applyFont="1" applyFill="1" applyBorder="1" applyAlignment="1">
      <alignment horizontal="left" vertical="center"/>
    </xf>
    <xf numFmtId="0" fontId="12" fillId="7" borderId="10" xfId="10" applyFont="1" applyFill="1" applyBorder="1" applyAlignment="1">
      <alignment horizontal="left" vertical="center"/>
    </xf>
    <xf numFmtId="0" fontId="12" fillId="7" borderId="0" xfId="10" applyFont="1" applyFill="1" applyAlignment="1">
      <alignment horizontal="left" vertical="center"/>
    </xf>
    <xf numFmtId="0" fontId="11" fillId="0" borderId="21" xfId="0" applyFont="1" applyBorder="1">
      <alignment vertical="center"/>
    </xf>
    <xf numFmtId="0" fontId="11" fillId="0" borderId="16" xfId="0" applyFont="1" applyBorder="1">
      <alignment vertical="center"/>
    </xf>
    <xf numFmtId="0" fontId="11" fillId="0" borderId="17" xfId="0" applyFont="1" applyBorder="1">
      <alignment vertical="center"/>
    </xf>
    <xf numFmtId="0" fontId="11" fillId="0" borderId="12" xfId="0" applyFont="1" applyBorder="1">
      <alignment vertical="center"/>
    </xf>
    <xf numFmtId="0" fontId="11" fillId="0" borderId="16" xfId="10" applyFont="1" applyBorder="1" applyAlignment="1">
      <alignment vertical="center"/>
    </xf>
    <xf numFmtId="0" fontId="11" fillId="0" borderId="12" xfId="10" applyFont="1" applyBorder="1" applyAlignment="1">
      <alignment vertical="center"/>
    </xf>
    <xf numFmtId="2" fontId="36" fillId="0" borderId="0" xfId="0" applyNumberFormat="1" applyFont="1" applyAlignment="1"/>
    <xf numFmtId="0" fontId="16" fillId="6" borderId="12" xfId="0" applyFont="1" applyFill="1" applyBorder="1" applyAlignment="1">
      <alignment horizontal="left" vertical="center"/>
    </xf>
    <xf numFmtId="0" fontId="16" fillId="7" borderId="5" xfId="10" applyFont="1" applyFill="1" applyBorder="1" applyAlignment="1">
      <alignment vertical="center"/>
    </xf>
    <xf numFmtId="0" fontId="41" fillId="3" borderId="0" xfId="0" applyFont="1" applyFill="1" applyAlignment="1">
      <alignment horizontal="center" vertical="center" wrapText="1"/>
    </xf>
    <xf numFmtId="0" fontId="42" fillId="3" borderId="0" xfId="0" applyFont="1" applyFill="1" applyAlignment="1">
      <alignment horizontal="center" vertical="center" wrapText="1"/>
    </xf>
    <xf numFmtId="0" fontId="43" fillId="3" borderId="0" xfId="0" applyFont="1" applyFill="1" applyAlignment="1">
      <alignment horizontal="center" vertical="center" wrapText="1"/>
    </xf>
    <xf numFmtId="49" fontId="38" fillId="5" borderId="0" xfId="40" applyNumberFormat="1" applyFont="1" applyFill="1" applyAlignment="1">
      <alignment horizontal="center" vertical="center"/>
    </xf>
    <xf numFmtId="49" fontId="44" fillId="5" borderId="0" xfId="40" applyNumberFormat="1" applyFont="1" applyFill="1" applyAlignment="1">
      <alignment horizontal="center" vertical="center"/>
    </xf>
    <xf numFmtId="49" fontId="44" fillId="5" borderId="0" xfId="0" applyNumberFormat="1" applyFont="1" applyFill="1" applyAlignment="1">
      <alignment horizontal="center" vertical="center"/>
    </xf>
    <xf numFmtId="0" fontId="44" fillId="5" borderId="0" xfId="40" applyFont="1" applyFill="1" applyAlignment="1">
      <alignment horizontal="center" vertical="center"/>
    </xf>
    <xf numFmtId="49" fontId="40" fillId="0" borderId="0" xfId="0" applyNumberFormat="1" applyFont="1">
      <alignment vertical="center"/>
    </xf>
    <xf numFmtId="49" fontId="40" fillId="0" borderId="0" xfId="0" applyNumberFormat="1" applyFont="1" applyAlignment="1">
      <alignment vertical="center" wrapText="1"/>
    </xf>
    <xf numFmtId="0" fontId="42" fillId="3" borderId="5" xfId="0" applyFont="1" applyFill="1" applyBorder="1" applyAlignment="1">
      <alignment horizontal="center" vertical="center" wrapText="1"/>
    </xf>
    <xf numFmtId="0" fontId="42" fillId="3" borderId="6" xfId="0" applyFont="1" applyFill="1" applyBorder="1" applyAlignment="1">
      <alignment horizontal="center" vertical="center" wrapText="1"/>
    </xf>
    <xf numFmtId="0" fontId="42" fillId="3" borderId="15" xfId="0" applyFont="1" applyFill="1" applyBorder="1" applyAlignment="1">
      <alignment horizontal="center" vertical="center" wrapText="1"/>
    </xf>
    <xf numFmtId="0" fontId="43" fillId="3" borderId="6" xfId="0" applyFont="1" applyFill="1" applyBorder="1" applyAlignment="1">
      <alignment horizontal="center" vertical="center" wrapText="1"/>
    </xf>
    <xf numFmtId="0" fontId="43" fillId="3" borderId="15" xfId="0" applyFont="1" applyFill="1" applyBorder="1" applyAlignment="1">
      <alignment horizontal="center" vertical="center" wrapText="1"/>
    </xf>
    <xf numFmtId="49" fontId="35" fillId="5" borderId="13" xfId="0" applyNumberFormat="1" applyFont="1" applyFill="1" applyBorder="1" applyAlignment="1">
      <alignment horizontal="left" vertical="center"/>
    </xf>
    <xf numFmtId="49" fontId="45" fillId="5" borderId="0" xfId="0" applyNumberFormat="1" applyFont="1" applyFill="1">
      <alignment vertical="center"/>
    </xf>
    <xf numFmtId="49" fontId="40" fillId="5" borderId="0" xfId="0" applyNumberFormat="1" applyFont="1" applyFill="1">
      <alignment vertical="center"/>
    </xf>
    <xf numFmtId="49" fontId="40" fillId="5" borderId="22" xfId="0" applyNumberFormat="1" applyFont="1" applyFill="1" applyBorder="1">
      <alignment vertical="center"/>
    </xf>
    <xf numFmtId="49" fontId="40" fillId="5" borderId="13" xfId="0" applyNumberFormat="1" applyFont="1" applyFill="1" applyBorder="1" applyAlignment="1">
      <alignment horizontal="left" vertical="center"/>
    </xf>
    <xf numFmtId="49" fontId="39" fillId="5" borderId="0" xfId="0" applyNumberFormat="1" applyFont="1" applyFill="1" applyAlignment="1">
      <alignment horizontal="left" vertical="center"/>
    </xf>
    <xf numFmtId="49" fontId="40" fillId="5" borderId="22" xfId="0" applyNumberFormat="1" applyFont="1" applyFill="1" applyBorder="1" applyAlignment="1">
      <alignment horizontal="left" vertical="center"/>
    </xf>
    <xf numFmtId="49" fontId="44" fillId="5" borderId="0" xfId="0" applyNumberFormat="1" applyFont="1" applyFill="1" applyAlignment="1">
      <alignment horizontal="left" vertical="center"/>
    </xf>
    <xf numFmtId="49" fontId="40" fillId="5" borderId="13" xfId="0" applyNumberFormat="1" applyFont="1" applyFill="1" applyBorder="1">
      <alignment vertical="center"/>
    </xf>
    <xf numFmtId="49" fontId="45" fillId="5" borderId="0" xfId="0" applyNumberFormat="1" applyFont="1" applyFill="1" applyAlignment="1">
      <alignment horizontal="left" vertical="center"/>
    </xf>
    <xf numFmtId="49" fontId="40" fillId="5" borderId="0" xfId="0" applyNumberFormat="1" applyFont="1" applyFill="1" applyAlignment="1">
      <alignment horizontal="left" vertical="center"/>
    </xf>
    <xf numFmtId="49" fontId="40" fillId="5" borderId="13" xfId="0" applyNumberFormat="1" applyFont="1" applyFill="1" applyBorder="1" applyAlignment="1">
      <alignment horizontal="center" vertical="center"/>
    </xf>
    <xf numFmtId="49" fontId="40" fillId="5" borderId="0" xfId="0" applyNumberFormat="1" applyFont="1" applyFill="1" applyAlignment="1">
      <alignment horizontal="center" vertical="center"/>
    </xf>
    <xf numFmtId="49" fontId="39" fillId="5" borderId="0" xfId="0" applyNumberFormat="1" applyFont="1" applyFill="1">
      <alignment vertical="center"/>
    </xf>
    <xf numFmtId="49" fontId="40" fillId="5" borderId="14" xfId="0" applyNumberFormat="1" applyFont="1" applyFill="1" applyBorder="1">
      <alignment vertical="center"/>
    </xf>
    <xf numFmtId="49" fontId="39" fillId="5" borderId="10" xfId="0" applyNumberFormat="1" applyFont="1" applyFill="1" applyBorder="1">
      <alignment vertical="center"/>
    </xf>
    <xf numFmtId="49" fontId="40" fillId="5" borderId="10" xfId="0" applyNumberFormat="1" applyFont="1" applyFill="1" applyBorder="1">
      <alignment vertical="center"/>
    </xf>
    <xf numFmtId="49" fontId="40" fillId="5" borderId="23" xfId="0" applyNumberFormat="1" applyFont="1" applyFill="1" applyBorder="1">
      <alignment vertical="center"/>
    </xf>
    <xf numFmtId="49" fontId="40" fillId="5" borderId="14" xfId="0" applyNumberFormat="1" applyFont="1" applyFill="1" applyBorder="1" applyAlignment="1">
      <alignment horizontal="center" vertical="center"/>
    </xf>
    <xf numFmtId="49" fontId="40" fillId="5" borderId="10" xfId="0" applyNumberFormat="1" applyFont="1" applyFill="1" applyBorder="1" applyAlignment="1">
      <alignment horizontal="center" vertical="center"/>
    </xf>
    <xf numFmtId="49" fontId="44" fillId="5" borderId="10" xfId="0" applyNumberFormat="1" applyFont="1" applyFill="1" applyBorder="1" applyAlignment="1">
      <alignment horizontal="center" vertical="center"/>
    </xf>
    <xf numFmtId="49" fontId="40" fillId="0" borderId="0" xfId="0" applyNumberFormat="1" applyFont="1" applyAlignment="1">
      <alignment horizontal="center" vertical="center"/>
    </xf>
    <xf numFmtId="0" fontId="40" fillId="0" borderId="0" xfId="0" applyFont="1">
      <alignment vertical="center"/>
    </xf>
    <xf numFmtId="0" fontId="44" fillId="5" borderId="0" xfId="0" applyFont="1" applyFill="1" applyAlignment="1">
      <alignment horizontal="center" vertical="center"/>
    </xf>
    <xf numFmtId="167" fontId="11" fillId="0" borderId="28" xfId="0" applyNumberFormat="1" applyFont="1" applyBorder="1" applyAlignment="1">
      <alignment horizontal="center" vertical="center"/>
    </xf>
    <xf numFmtId="49" fontId="46" fillId="5" borderId="0" xfId="0" applyNumberFormat="1" applyFont="1" applyFill="1" applyAlignment="1">
      <alignment horizontal="left" vertical="center"/>
    </xf>
    <xf numFmtId="0" fontId="33" fillId="7" borderId="6" xfId="10" applyFont="1" applyFill="1" applyBorder="1" applyAlignment="1">
      <alignment vertical="center"/>
    </xf>
    <xf numFmtId="0" fontId="3" fillId="9" borderId="0" xfId="10" applyFont="1" applyFill="1" applyAlignment="1">
      <alignment vertical="center"/>
    </xf>
    <xf numFmtId="0" fontId="16" fillId="9" borderId="0" xfId="0" applyFont="1" applyFill="1" applyAlignment="1">
      <alignment horizontal="left" vertical="center" wrapText="1"/>
    </xf>
    <xf numFmtId="3" fontId="3" fillId="9" borderId="0" xfId="39" applyNumberFormat="1" applyFont="1" applyFill="1" applyAlignment="1">
      <alignment vertical="center"/>
    </xf>
    <xf numFmtId="0" fontId="12" fillId="0" borderId="28" xfId="10" applyFont="1" applyBorder="1" applyAlignment="1">
      <alignment horizontal="left" vertical="center" wrapText="1"/>
    </xf>
    <xf numFmtId="0" fontId="0" fillId="0" borderId="12" xfId="0" applyBorder="1">
      <alignment vertical="center"/>
    </xf>
    <xf numFmtId="0" fontId="16" fillId="0" borderId="5" xfId="10" applyFont="1" applyBorder="1" applyAlignment="1">
      <alignment horizontal="left" vertical="center" wrapText="1"/>
    </xf>
    <xf numFmtId="0" fontId="12" fillId="7" borderId="11" xfId="10" applyFont="1" applyFill="1" applyBorder="1" applyAlignment="1">
      <alignment horizontal="left" vertical="center"/>
    </xf>
    <xf numFmtId="0" fontId="12" fillId="0" borderId="28" xfId="10" applyFont="1" applyBorder="1" applyAlignment="1">
      <alignment vertical="center"/>
    </xf>
    <xf numFmtId="3" fontId="3" fillId="9" borderId="0" xfId="39" applyNumberFormat="1" applyFont="1" applyFill="1" applyAlignment="1">
      <alignment horizontal="center" vertical="center"/>
    </xf>
    <xf numFmtId="0" fontId="14" fillId="2" borderId="0" xfId="3" applyFont="1" applyFill="1" applyAlignment="1" applyProtection="1">
      <alignment horizontal="center" vertical="center"/>
    </xf>
    <xf numFmtId="49" fontId="18" fillId="5" borderId="13" xfId="0" applyNumberFormat="1" applyFont="1" applyFill="1" applyBorder="1" applyAlignment="1">
      <alignment horizontal="left" vertical="center"/>
    </xf>
    <xf numFmtId="49" fontId="47" fillId="5" borderId="0" xfId="0" applyNumberFormat="1" applyFont="1" applyFill="1" applyAlignment="1">
      <alignment horizontal="left" vertical="center"/>
    </xf>
    <xf numFmtId="49" fontId="18" fillId="5" borderId="0" xfId="0" applyNumberFormat="1" applyFont="1" applyFill="1">
      <alignment vertical="center"/>
    </xf>
    <xf numFmtId="49" fontId="18" fillId="5" borderId="0" xfId="0" applyNumberFormat="1" applyFont="1" applyFill="1" applyAlignment="1">
      <alignment horizontal="left" vertical="center"/>
    </xf>
    <xf numFmtId="0" fontId="12" fillId="6" borderId="12" xfId="41" applyFont="1" applyFill="1" applyBorder="1" applyAlignment="1">
      <alignment horizontal="center" vertical="center"/>
    </xf>
    <xf numFmtId="0" fontId="12" fillId="6" borderId="12" xfId="41" applyFont="1" applyFill="1" applyBorder="1" applyAlignment="1">
      <alignment horizontal="left" vertical="center"/>
    </xf>
    <xf numFmtId="165" fontId="11" fillId="0" borderId="16" xfId="41" applyNumberFormat="1" applyFont="1" applyBorder="1" applyAlignment="1">
      <alignment horizontal="center" vertical="center"/>
    </xf>
    <xf numFmtId="0" fontId="11" fillId="0" borderId="12" xfId="41" applyFont="1" applyBorder="1" applyAlignment="1">
      <alignment horizontal="center" vertical="center"/>
    </xf>
    <xf numFmtId="0" fontId="6" fillId="2" borderId="0" xfId="10" applyFont="1" applyFill="1" applyAlignment="1">
      <alignment horizontal="center" vertical="center"/>
    </xf>
    <xf numFmtId="0" fontId="6" fillId="2" borderId="0" xfId="10" applyFont="1" applyFill="1" applyAlignment="1">
      <alignment vertical="center"/>
    </xf>
    <xf numFmtId="0" fontId="12" fillId="0" borderId="16" xfId="10" applyFont="1" applyBorder="1" applyAlignment="1">
      <alignment horizontal="left" vertical="center" wrapText="1"/>
    </xf>
    <xf numFmtId="0" fontId="11" fillId="0" borderId="17" xfId="10" applyFont="1" applyBorder="1" applyAlignment="1">
      <alignment vertical="center"/>
    </xf>
    <xf numFmtId="0" fontId="11" fillId="0" borderId="28" xfId="10" applyFont="1" applyBorder="1" applyAlignment="1">
      <alignment vertical="center"/>
    </xf>
    <xf numFmtId="167" fontId="11" fillId="0" borderId="28" xfId="41" applyNumberFormat="1" applyFont="1" applyBorder="1" applyAlignment="1">
      <alignment horizontal="center" vertical="center"/>
    </xf>
    <xf numFmtId="0" fontId="6" fillId="2" borderId="0" xfId="10" applyFont="1" applyFill="1" applyAlignment="1">
      <alignment vertical="center" wrapText="1"/>
    </xf>
    <xf numFmtId="0" fontId="12" fillId="0" borderId="5" xfId="10" applyFont="1" applyBorder="1" applyAlignment="1">
      <alignment vertical="center"/>
    </xf>
    <xf numFmtId="0" fontId="50" fillId="0" borderId="5" xfId="10" applyFont="1" applyBorder="1" applyAlignment="1">
      <alignment horizontal="left" vertical="center"/>
    </xf>
    <xf numFmtId="0" fontId="12" fillId="0" borderId="6" xfId="10" applyFont="1" applyBorder="1" applyAlignment="1">
      <alignment horizontal="left" vertical="center"/>
    </xf>
    <xf numFmtId="0" fontId="11" fillId="0" borderId="13" xfId="10" applyFont="1" applyBorder="1" applyAlignment="1">
      <alignment vertical="center"/>
    </xf>
    <xf numFmtId="0" fontId="11" fillId="0" borderId="20" xfId="10" applyFont="1" applyBorder="1" applyAlignment="1">
      <alignment vertical="center"/>
    </xf>
    <xf numFmtId="0" fontId="11" fillId="0" borderId="28" xfId="41" applyFont="1" applyBorder="1" applyAlignment="1">
      <alignment horizontal="center" vertical="center"/>
    </xf>
    <xf numFmtId="0" fontId="11" fillId="0" borderId="28" xfId="41" applyFont="1" applyBorder="1" applyAlignment="1">
      <alignment horizontal="left" vertical="top" wrapText="1"/>
    </xf>
    <xf numFmtId="0" fontId="12" fillId="7" borderId="6" xfId="10" applyFont="1" applyFill="1" applyBorder="1" applyAlignment="1">
      <alignment vertical="top"/>
    </xf>
    <xf numFmtId="0" fontId="11" fillId="0" borderId="31" xfId="41" applyFont="1" applyBorder="1" applyAlignment="1">
      <alignment horizontal="left" vertical="top" wrapText="1"/>
    </xf>
    <xf numFmtId="0" fontId="12" fillId="7" borderId="0" xfId="10" applyFont="1" applyFill="1" applyAlignment="1">
      <alignment horizontal="left" vertical="top"/>
    </xf>
    <xf numFmtId="0" fontId="11" fillId="0" borderId="5" xfId="0" applyFont="1" applyBorder="1" applyAlignment="1">
      <alignment vertical="top" wrapText="1"/>
    </xf>
    <xf numFmtId="0" fontId="11" fillId="0" borderId="11" xfId="0" applyFont="1" applyBorder="1" applyAlignment="1">
      <alignment horizontal="left" vertical="top" wrapText="1"/>
    </xf>
    <xf numFmtId="0" fontId="12" fillId="0" borderId="6" xfId="10" applyFont="1" applyBorder="1" applyAlignment="1">
      <alignment horizontal="left" vertical="top"/>
    </xf>
    <xf numFmtId="0" fontId="12" fillId="7" borderId="10" xfId="10" applyFont="1" applyFill="1" applyBorder="1" applyAlignment="1">
      <alignment horizontal="left" vertical="top"/>
    </xf>
    <xf numFmtId="0" fontId="11" fillId="0" borderId="22" xfId="0" applyFont="1" applyBorder="1">
      <alignment vertical="center"/>
    </xf>
    <xf numFmtId="0" fontId="15" fillId="7" borderId="11" xfId="10" applyFont="1" applyFill="1" applyBorder="1" applyAlignment="1">
      <alignment horizontal="center" vertical="top"/>
    </xf>
    <xf numFmtId="0" fontId="0" fillId="0" borderId="28" xfId="0" applyBorder="1">
      <alignment vertical="center"/>
    </xf>
    <xf numFmtId="0" fontId="12" fillId="7" borderId="5" xfId="10" applyFont="1" applyFill="1" applyBorder="1" applyAlignment="1">
      <alignment vertical="center"/>
    </xf>
    <xf numFmtId="0" fontId="12" fillId="0" borderId="15" xfId="10" applyFont="1" applyBorder="1" applyAlignment="1">
      <alignment horizontal="left" vertical="center"/>
    </xf>
    <xf numFmtId="49" fontId="18" fillId="5" borderId="13" xfId="0" applyNumberFormat="1" applyFont="1" applyFill="1" applyBorder="1">
      <alignment vertical="center"/>
    </xf>
    <xf numFmtId="0" fontId="12" fillId="9" borderId="0" xfId="0" applyFont="1" applyFill="1" applyAlignment="1">
      <alignment horizontal="left" vertical="center" wrapText="1"/>
    </xf>
    <xf numFmtId="0" fontId="12" fillId="0" borderId="5" xfId="10" applyFont="1" applyBorder="1" applyAlignment="1">
      <alignment horizontal="left" vertical="center" wrapText="1"/>
    </xf>
    <xf numFmtId="0" fontId="11" fillId="0" borderId="28" xfId="0" applyFont="1" applyBorder="1">
      <alignment vertical="center"/>
    </xf>
    <xf numFmtId="0" fontId="12" fillId="0" borderId="13" xfId="10" applyFont="1" applyBorder="1" applyAlignment="1">
      <alignment horizontal="left" vertical="center" wrapText="1"/>
    </xf>
    <xf numFmtId="0" fontId="11" fillId="0" borderId="23" xfId="0" applyFont="1" applyBorder="1">
      <alignment vertical="center"/>
    </xf>
    <xf numFmtId="0" fontId="11" fillId="0" borderId="29" xfId="10" applyFont="1" applyBorder="1" applyAlignment="1">
      <alignment vertical="center"/>
    </xf>
    <xf numFmtId="0" fontId="51" fillId="10" borderId="28" xfId="0" applyFont="1" applyFill="1" applyBorder="1" applyAlignment="1">
      <alignment horizontal="center" vertical="center" wrapText="1"/>
    </xf>
    <xf numFmtId="0" fontId="3" fillId="0" borderId="0" xfId="10" applyFont="1" applyAlignment="1">
      <alignment horizontal="left" vertical="top" wrapText="1"/>
    </xf>
    <xf numFmtId="0" fontId="6" fillId="6" borderId="12" xfId="0" applyFont="1" applyFill="1" applyBorder="1" applyAlignment="1">
      <alignment horizontal="center" vertical="center"/>
    </xf>
    <xf numFmtId="0" fontId="6" fillId="6" borderId="12" xfId="0" applyFont="1" applyFill="1" applyBorder="1" applyAlignment="1">
      <alignment horizontal="center" vertical="center" wrapText="1"/>
    </xf>
    <xf numFmtId="0" fontId="6" fillId="9" borderId="0" xfId="0" applyFont="1" applyFill="1" applyAlignment="1">
      <alignment horizontal="left" vertical="center" wrapText="1"/>
    </xf>
    <xf numFmtId="0" fontId="52" fillId="2" borderId="0" xfId="3" applyFont="1" applyFill="1" applyAlignment="1" applyProtection="1">
      <alignment vertical="center"/>
    </xf>
    <xf numFmtId="0" fontId="53" fillId="2" borderId="0" xfId="3" applyFont="1" applyFill="1" applyAlignment="1" applyProtection="1">
      <alignment horizontal="center" vertical="center"/>
    </xf>
    <xf numFmtId="0" fontId="52" fillId="2" borderId="10" xfId="3" applyFont="1" applyFill="1" applyBorder="1" applyAlignment="1" applyProtection="1">
      <alignment vertical="center"/>
    </xf>
    <xf numFmtId="0" fontId="6" fillId="0" borderId="28" xfId="10" applyFont="1" applyBorder="1" applyAlignment="1">
      <alignment vertical="center"/>
    </xf>
    <xf numFmtId="0" fontId="6" fillId="0" borderId="28" xfId="10" applyFont="1" applyBorder="1" applyAlignment="1">
      <alignment horizontal="center" vertical="center"/>
    </xf>
    <xf numFmtId="49" fontId="6" fillId="0" borderId="28" xfId="10" applyNumberFormat="1" applyFont="1" applyBorder="1" applyAlignment="1">
      <alignment horizontal="center" vertical="center"/>
    </xf>
    <xf numFmtId="0" fontId="6" fillId="0" borderId="28" xfId="10" applyFont="1" applyBorder="1" applyAlignment="1">
      <alignment vertical="center" wrapText="1"/>
    </xf>
    <xf numFmtId="0" fontId="11" fillId="0" borderId="0" xfId="10" applyFont="1" applyAlignment="1">
      <alignment vertical="center" wrapText="1"/>
    </xf>
    <xf numFmtId="0" fontId="3" fillId="2" borderId="0" xfId="10" applyFont="1" applyFill="1" applyAlignment="1">
      <alignment vertical="center" wrapText="1"/>
    </xf>
    <xf numFmtId="0" fontId="51" fillId="11" borderId="28" xfId="0" applyFont="1" applyFill="1" applyBorder="1" applyAlignment="1">
      <alignment horizontal="left" vertical="center"/>
    </xf>
    <xf numFmtId="0" fontId="51" fillId="11" borderId="28" xfId="0" applyFont="1" applyFill="1" applyBorder="1" applyAlignment="1">
      <alignment horizontal="center" vertical="center"/>
    </xf>
    <xf numFmtId="0" fontId="51" fillId="11" borderId="28" xfId="0" applyFont="1" applyFill="1" applyBorder="1" applyAlignment="1">
      <alignment horizontal="center" vertical="center" wrapText="1"/>
    </xf>
    <xf numFmtId="49" fontId="51" fillId="11" borderId="28" xfId="0" applyNumberFormat="1" applyFont="1" applyFill="1" applyBorder="1" applyAlignment="1">
      <alignment horizontal="center" vertical="center" wrapText="1"/>
    </xf>
    <xf numFmtId="0" fontId="0" fillId="0" borderId="17" xfId="0" applyBorder="1">
      <alignment vertical="center"/>
    </xf>
    <xf numFmtId="0" fontId="12" fillId="0" borderId="11" xfId="10" applyFont="1" applyFill="1" applyBorder="1" applyAlignment="1">
      <alignment horizontal="left" vertical="center" wrapText="1"/>
    </xf>
    <xf numFmtId="0" fontId="12" fillId="0" borderId="28" xfId="10" applyFont="1" applyFill="1" applyBorder="1" applyAlignment="1">
      <alignment horizontal="left" vertical="center" wrapText="1"/>
    </xf>
    <xf numFmtId="0" fontId="12" fillId="0" borderId="11" xfId="10" applyFont="1" applyFill="1" applyBorder="1" applyAlignment="1">
      <alignment vertical="center"/>
    </xf>
    <xf numFmtId="0" fontId="52" fillId="2" borderId="0" xfId="10" applyNumberFormat="1" applyFont="1" applyFill="1" applyAlignment="1">
      <alignment vertical="center"/>
    </xf>
    <xf numFmtId="0" fontId="6" fillId="6" borderId="12" xfId="0" applyNumberFormat="1" applyFont="1" applyFill="1" applyBorder="1" applyAlignment="1">
      <alignment horizontal="left" vertical="center"/>
    </xf>
    <xf numFmtId="0" fontId="33" fillId="0" borderId="15" xfId="10" applyNumberFormat="1" applyFont="1" applyBorder="1" applyAlignment="1">
      <alignment horizontal="left" vertical="center"/>
    </xf>
    <xf numFmtId="0" fontId="12" fillId="7" borderId="6" xfId="10" applyNumberFormat="1" applyFont="1" applyFill="1" applyBorder="1" applyAlignment="1">
      <alignment vertical="center"/>
    </xf>
    <xf numFmtId="0" fontId="12" fillId="7" borderId="22" xfId="10" applyNumberFormat="1" applyFont="1" applyFill="1" applyBorder="1" applyAlignment="1">
      <alignment horizontal="left" vertical="center"/>
    </xf>
    <xf numFmtId="0" fontId="33" fillId="7" borderId="0" xfId="10" applyNumberFormat="1" applyFont="1" applyFill="1" applyAlignment="1">
      <alignment horizontal="left" vertical="center"/>
    </xf>
    <xf numFmtId="0" fontId="12" fillId="7" borderId="0" xfId="10" applyNumberFormat="1" applyFont="1" applyFill="1" applyAlignment="1">
      <alignment horizontal="left" vertical="center"/>
    </xf>
    <xf numFmtId="0" fontId="3" fillId="0" borderId="0" xfId="10" applyNumberFormat="1" applyFont="1" applyAlignment="1">
      <alignment vertical="center"/>
    </xf>
    <xf numFmtId="0" fontId="55" fillId="3" borderId="0" xfId="45" applyFont="1" applyFill="1" applyAlignment="1">
      <alignment horizontal="center" vertical="center" wrapText="1"/>
    </xf>
    <xf numFmtId="0" fontId="56" fillId="3" borderId="0" xfId="45" applyFont="1" applyFill="1" applyAlignment="1">
      <alignment horizontal="center" vertical="center" wrapText="1"/>
    </xf>
    <xf numFmtId="0" fontId="10" fillId="0" borderId="0" xfId="45" applyFont="1">
      <alignment vertical="center"/>
    </xf>
    <xf numFmtId="49" fontId="11" fillId="5" borderId="0" xfId="45" applyNumberFormat="1" applyFont="1" applyFill="1" applyAlignment="1">
      <alignment horizontal="center" vertical="center"/>
    </xf>
    <xf numFmtId="49" fontId="10" fillId="0" borderId="0" xfId="45" applyNumberFormat="1" applyFont="1">
      <alignment vertical="center"/>
    </xf>
    <xf numFmtId="0" fontId="58" fillId="3" borderId="0" xfId="45" applyFont="1" applyFill="1" applyAlignment="1">
      <alignment horizontal="center" vertical="center" wrapText="1"/>
    </xf>
    <xf numFmtId="49" fontId="10" fillId="5" borderId="0" xfId="45" applyNumberFormat="1" applyFont="1" applyFill="1" applyAlignment="1">
      <alignment horizontal="left" vertical="center"/>
    </xf>
    <xf numFmtId="49" fontId="59" fillId="5" borderId="0" xfId="45" applyNumberFormat="1" applyFont="1" applyFill="1">
      <alignment vertical="center"/>
    </xf>
    <xf numFmtId="49" fontId="10" fillId="5" borderId="0" xfId="45" applyNumberFormat="1" applyFont="1" applyFill="1">
      <alignment vertical="center"/>
    </xf>
    <xf numFmtId="49" fontId="13" fillId="5" borderId="0" xfId="45" applyNumberFormat="1" applyFont="1" applyFill="1" applyAlignment="1">
      <alignment horizontal="left" vertical="center"/>
    </xf>
    <xf numFmtId="49" fontId="59" fillId="5" borderId="0" xfId="45" applyNumberFormat="1" applyFont="1" applyFill="1" applyAlignment="1">
      <alignment horizontal="left" vertical="center"/>
    </xf>
    <xf numFmtId="49" fontId="60" fillId="5" borderId="0" xfId="45" applyNumberFormat="1" applyFont="1" applyFill="1" applyAlignment="1">
      <alignment horizontal="left" vertical="center"/>
    </xf>
    <xf numFmtId="49" fontId="59" fillId="0" borderId="0" xfId="45" applyNumberFormat="1" applyFont="1">
      <alignment vertical="center"/>
    </xf>
    <xf numFmtId="49" fontId="59" fillId="5" borderId="0" xfId="45" applyNumberFormat="1" applyFont="1" applyFill="1" applyAlignment="1">
      <alignment vertical="center" wrapText="1"/>
    </xf>
    <xf numFmtId="49" fontId="10" fillId="5" borderId="0" xfId="45" applyNumberFormat="1" applyFont="1" applyFill="1" applyAlignment="1">
      <alignment horizontal="center" vertical="center"/>
    </xf>
    <xf numFmtId="49" fontId="10" fillId="0" borderId="0" xfId="45" applyNumberFormat="1" applyFont="1" applyAlignment="1">
      <alignment horizontal="center" vertical="center"/>
    </xf>
    <xf numFmtId="49" fontId="59" fillId="0" borderId="0" xfId="45" applyNumberFormat="1" applyFont="1" applyAlignment="1">
      <alignment vertical="center" wrapText="1"/>
    </xf>
    <xf numFmtId="0" fontId="54" fillId="0" borderId="0" xfId="45">
      <alignment vertical="center"/>
    </xf>
    <xf numFmtId="0" fontId="11" fillId="5" borderId="0" xfId="45" applyFont="1" applyFill="1" applyAlignment="1">
      <alignment horizontal="center" vertical="center"/>
    </xf>
    <xf numFmtId="0" fontId="62" fillId="0" borderId="32" xfId="0" applyFont="1" applyBorder="1" applyAlignment="1">
      <alignment vertical="top"/>
    </xf>
    <xf numFmtId="0" fontId="12" fillId="0" borderId="16" xfId="10" applyFont="1" applyFill="1" applyBorder="1" applyAlignment="1">
      <alignment horizontal="left" vertical="center" wrapText="1"/>
    </xf>
    <xf numFmtId="0" fontId="6" fillId="0" borderId="0" xfId="10" applyFont="1" applyAlignment="1">
      <alignment horizontal="left" vertical="center"/>
    </xf>
    <xf numFmtId="0" fontId="12" fillId="0" borderId="14" xfId="10" applyFont="1" applyFill="1" applyBorder="1" applyAlignment="1">
      <alignment horizontal="left" vertical="center" wrapText="1"/>
    </xf>
    <xf numFmtId="0" fontId="12" fillId="0" borderId="28" xfId="10" applyFont="1" applyFill="1" applyBorder="1" applyAlignment="1">
      <alignment vertical="center"/>
    </xf>
    <xf numFmtId="167" fontId="11" fillId="0" borderId="28" xfId="41" applyNumberFormat="1" applyFont="1" applyFill="1" applyBorder="1" applyAlignment="1">
      <alignment horizontal="center" vertical="center"/>
    </xf>
    <xf numFmtId="0" fontId="11" fillId="0" borderId="29" xfId="0" applyFont="1" applyBorder="1">
      <alignment vertical="center"/>
    </xf>
    <xf numFmtId="0" fontId="3" fillId="0" borderId="28" xfId="10" applyFont="1" applyFill="1" applyBorder="1" applyAlignment="1">
      <alignment vertical="top" wrapText="1"/>
    </xf>
    <xf numFmtId="0" fontId="11" fillId="0" borderId="28" xfId="0" applyFont="1" applyFill="1" applyBorder="1" applyAlignment="1">
      <alignment vertical="top" wrapText="1"/>
    </xf>
    <xf numFmtId="0" fontId="11" fillId="0" borderId="5" xfId="0" applyFont="1" applyFill="1" applyBorder="1" applyAlignment="1">
      <alignment vertical="top" wrapText="1"/>
    </xf>
    <xf numFmtId="0" fontId="11" fillId="0" borderId="11" xfId="0" applyFont="1" applyFill="1" applyBorder="1" applyAlignment="1">
      <alignment horizontal="left" vertical="top" wrapText="1"/>
    </xf>
    <xf numFmtId="0" fontId="11" fillId="0" borderId="34" xfId="0" applyFont="1" applyFill="1" applyBorder="1" applyAlignment="1">
      <alignment vertical="top" wrapText="1"/>
    </xf>
    <xf numFmtId="0" fontId="0" fillId="0" borderId="16" xfId="0" applyBorder="1">
      <alignment vertical="center"/>
    </xf>
    <xf numFmtId="0" fontId="31" fillId="0" borderId="28" xfId="0" applyFont="1" applyBorder="1" applyAlignment="1">
      <alignment horizontal="left" vertical="top" wrapText="1"/>
    </xf>
    <xf numFmtId="0" fontId="63" fillId="0" borderId="28" xfId="46" applyFont="1" applyBorder="1">
      <alignment vertical="center"/>
    </xf>
    <xf numFmtId="0" fontId="63" fillId="0" borderId="28" xfId="46" applyFont="1" applyBorder="1" applyAlignment="1">
      <alignment horizontal="left" vertical="center"/>
    </xf>
    <xf numFmtId="0" fontId="65" fillId="0" borderId="0" xfId="10" applyFont="1" applyAlignment="1">
      <alignment horizontal="center" vertical="center" wrapText="1"/>
    </xf>
    <xf numFmtId="0" fontId="66" fillId="0" borderId="28" xfId="10" applyFont="1" applyBorder="1" applyAlignment="1">
      <alignment horizontal="center" vertical="center"/>
    </xf>
    <xf numFmtId="0" fontId="67" fillId="0" borderId="28" xfId="10" applyFont="1" applyBorder="1" applyAlignment="1">
      <alignment horizontal="left" vertical="center"/>
    </xf>
    <xf numFmtId="0" fontId="66" fillId="0" borderId="28" xfId="0" applyFont="1" applyBorder="1">
      <alignment vertical="center"/>
    </xf>
    <xf numFmtId="167" fontId="11" fillId="0" borderId="28" xfId="41" applyNumberFormat="1" applyFont="1" applyBorder="1" applyAlignment="1">
      <alignment horizontal="right" vertical="center"/>
    </xf>
    <xf numFmtId="167" fontId="3" fillId="0" borderId="28" xfId="43" applyNumberFormat="1" applyFont="1" applyBorder="1" applyAlignment="1">
      <alignment vertical="center"/>
    </xf>
    <xf numFmtId="9" fontId="3" fillId="0" borderId="28" xfId="43" applyFont="1" applyBorder="1" applyAlignment="1">
      <alignment vertical="center"/>
    </xf>
    <xf numFmtId="0" fontId="68" fillId="0" borderId="0" xfId="0" applyFont="1">
      <alignment vertical="center"/>
    </xf>
    <xf numFmtId="0" fontId="31" fillId="0" borderId="28" xfId="10" applyFont="1" applyBorder="1" applyAlignment="1">
      <alignment horizontal="center" vertical="center"/>
    </xf>
    <xf numFmtId="0" fontId="31" fillId="0" borderId="28" xfId="10" applyFont="1" applyBorder="1" applyAlignment="1">
      <alignment horizontal="left" vertical="center"/>
    </xf>
    <xf numFmtId="0" fontId="31" fillId="0" borderId="28" xfId="0" applyFont="1" applyBorder="1">
      <alignment vertical="center"/>
    </xf>
    <xf numFmtId="167" fontId="32" fillId="0" borderId="28" xfId="43" applyNumberFormat="1" applyFont="1" applyBorder="1" applyAlignment="1">
      <alignment horizontal="left" vertical="top" wrapText="1"/>
    </xf>
    <xf numFmtId="0" fontId="67" fillId="0" borderId="28" xfId="10" applyFont="1" applyBorder="1" applyAlignment="1">
      <alignment horizontal="center" vertical="center"/>
    </xf>
    <xf numFmtId="0" fontId="69" fillId="0" borderId="0" xfId="10" applyFont="1" applyAlignment="1">
      <alignment vertical="center" wrapText="1"/>
    </xf>
    <xf numFmtId="0" fontId="70" fillId="0" borderId="0" xfId="10" applyFont="1" applyAlignment="1">
      <alignment vertical="center" wrapText="1"/>
    </xf>
    <xf numFmtId="0" fontId="31" fillId="0" borderId="28" xfId="0" applyFont="1" applyBorder="1" applyAlignment="1">
      <alignment horizontal="center" vertical="center"/>
    </xf>
    <xf numFmtId="0" fontId="31" fillId="0" borderId="28" xfId="0" applyFont="1" applyBorder="1" applyAlignment="1">
      <alignment horizontal="left" vertical="center"/>
    </xf>
    <xf numFmtId="167" fontId="32" fillId="0" borderId="28" xfId="43" applyNumberFormat="1" applyFont="1" applyBorder="1" applyAlignment="1">
      <alignment horizontal="center" vertical="center"/>
    </xf>
    <xf numFmtId="0" fontId="71" fillId="0" borderId="28" xfId="0" applyFont="1" applyBorder="1" applyAlignment="1">
      <alignment horizontal="left" vertical="center"/>
    </xf>
    <xf numFmtId="0" fontId="72" fillId="2" borderId="28" xfId="0" applyFont="1" applyFill="1" applyBorder="1">
      <alignment vertical="center"/>
    </xf>
    <xf numFmtId="0" fontId="73" fillId="0" borderId="28" xfId="0" applyFont="1" applyBorder="1">
      <alignment vertical="center"/>
    </xf>
    <xf numFmtId="0" fontId="73" fillId="0" borderId="28" xfId="0" applyFont="1" applyBorder="1" applyAlignment="1">
      <alignment vertical="center" wrapText="1"/>
    </xf>
    <xf numFmtId="0" fontId="74" fillId="0" borderId="28" xfId="0" applyFont="1" applyBorder="1" applyAlignment="1">
      <alignment horizontal="left" vertical="top" wrapText="1"/>
    </xf>
    <xf numFmtId="0" fontId="77" fillId="0" borderId="28" xfId="0" applyFont="1" applyBorder="1" applyAlignment="1">
      <alignment horizontal="left" vertical="top" wrapText="1"/>
    </xf>
    <xf numFmtId="0" fontId="78" fillId="0" borderId="0" xfId="0" applyFont="1" applyAlignment="1">
      <alignment horizontal="left" vertical="top" wrapText="1"/>
    </xf>
    <xf numFmtId="0" fontId="71" fillId="0" borderId="28" xfId="0" applyFont="1" applyBorder="1">
      <alignment vertical="center"/>
    </xf>
    <xf numFmtId="0" fontId="81" fillId="0" borderId="28" xfId="0" applyFont="1" applyBorder="1">
      <alignment vertical="center"/>
    </xf>
    <xf numFmtId="0" fontId="82" fillId="0" borderId="28" xfId="0" applyFont="1" applyBorder="1">
      <alignment vertical="center"/>
    </xf>
    <xf numFmtId="0" fontId="82" fillId="0" borderId="28" xfId="0" applyFont="1" applyBorder="1" applyAlignment="1">
      <alignment vertical="center" wrapText="1"/>
    </xf>
    <xf numFmtId="0" fontId="78" fillId="0" borderId="28" xfId="0" applyFont="1" applyBorder="1">
      <alignment vertical="center"/>
    </xf>
    <xf numFmtId="0" fontId="82" fillId="0" borderId="28" xfId="0" applyFont="1" applyBorder="1" applyAlignment="1">
      <alignment vertical="top" wrapText="1"/>
    </xf>
    <xf numFmtId="0" fontId="82" fillId="0" borderId="28" xfId="0" applyFont="1" applyBorder="1" applyAlignment="1">
      <alignment horizontal="left" vertical="top" wrapText="1"/>
    </xf>
    <xf numFmtId="0" fontId="81" fillId="2" borderId="28" xfId="0" applyFont="1" applyFill="1" applyBorder="1">
      <alignment vertical="center"/>
    </xf>
    <xf numFmtId="0" fontId="83" fillId="0" borderId="28" xfId="10" applyFont="1" applyBorder="1" applyAlignment="1">
      <alignment horizontal="center" vertical="center"/>
    </xf>
    <xf numFmtId="0" fontId="84" fillId="2" borderId="0" xfId="10" applyFont="1" applyFill="1" applyAlignment="1">
      <alignment vertical="center" wrapText="1"/>
    </xf>
    <xf numFmtId="0" fontId="85" fillId="0" borderId="0" xfId="10" applyFont="1" applyAlignment="1">
      <alignment vertical="center" wrapText="1"/>
    </xf>
    <xf numFmtId="0" fontId="83" fillId="2" borderId="28" xfId="10" applyFont="1" applyFill="1" applyBorder="1" applyAlignment="1">
      <alignment horizontal="center" vertical="center"/>
    </xf>
    <xf numFmtId="0" fontId="69" fillId="0" borderId="0" xfId="10" applyFont="1" applyAlignment="1">
      <alignment vertical="center"/>
    </xf>
    <xf numFmtId="0" fontId="70" fillId="0" borderId="0" xfId="10" applyFont="1" applyAlignment="1">
      <alignment vertical="center"/>
    </xf>
    <xf numFmtId="0" fontId="86" fillId="0" borderId="28" xfId="10" applyFont="1" applyBorder="1" applyAlignment="1">
      <alignment horizontal="center" vertical="center"/>
    </xf>
    <xf numFmtId="0" fontId="78" fillId="0" borderId="0" xfId="0" applyFont="1">
      <alignment vertical="center"/>
    </xf>
    <xf numFmtId="0" fontId="87" fillId="0" borderId="0" xfId="0" applyFont="1">
      <alignment vertical="center"/>
    </xf>
    <xf numFmtId="0" fontId="44" fillId="0" borderId="0" xfId="0" applyFont="1">
      <alignment vertical="center"/>
    </xf>
    <xf numFmtId="0" fontId="88" fillId="12" borderId="0" xfId="0" applyFont="1" applyFill="1">
      <alignment vertical="center"/>
    </xf>
    <xf numFmtId="0" fontId="63" fillId="0" borderId="0" xfId="0" applyFont="1">
      <alignment vertical="center"/>
    </xf>
    <xf numFmtId="0" fontId="63" fillId="0" borderId="35" xfId="0" applyFont="1" applyBorder="1">
      <alignment vertical="center"/>
    </xf>
    <xf numFmtId="0" fontId="63" fillId="0" borderId="37" xfId="0" applyFont="1" applyBorder="1">
      <alignment vertical="center"/>
    </xf>
    <xf numFmtId="0" fontId="88" fillId="0" borderId="13" xfId="0" applyFont="1" applyBorder="1">
      <alignment vertical="center"/>
    </xf>
    <xf numFmtId="0" fontId="88" fillId="12" borderId="38" xfId="0" applyFont="1" applyFill="1" applyBorder="1">
      <alignment vertical="center"/>
    </xf>
    <xf numFmtId="0" fontId="88" fillId="12" borderId="0" xfId="0" applyFont="1" applyFill="1" applyAlignment="1">
      <alignment vertical="center" wrapText="1"/>
    </xf>
    <xf numFmtId="0" fontId="63" fillId="0" borderId="38" xfId="0" applyFont="1" applyBorder="1">
      <alignment vertical="center"/>
    </xf>
    <xf numFmtId="0" fontId="63" fillId="0" borderId="0" xfId="0" applyFont="1" applyAlignment="1">
      <alignment vertical="center" wrapText="1"/>
    </xf>
    <xf numFmtId="0" fontId="63" fillId="0" borderId="38" xfId="0" applyFont="1" applyBorder="1" applyAlignment="1">
      <alignment vertical="center" wrapText="1"/>
    </xf>
    <xf numFmtId="165" fontId="63" fillId="0" borderId="40" xfId="0" applyNumberFormat="1" applyFont="1" applyBorder="1" applyAlignment="1">
      <alignment horizontal="left" vertical="center"/>
    </xf>
    <xf numFmtId="165" fontId="63" fillId="0" borderId="42" xfId="0" applyNumberFormat="1" applyFont="1" applyBorder="1" applyAlignment="1">
      <alignment horizontal="left" vertical="center"/>
    </xf>
    <xf numFmtId="0" fontId="63" fillId="0" borderId="42" xfId="0" applyFont="1" applyBorder="1" applyAlignment="1">
      <alignment vertical="center" wrapText="1"/>
    </xf>
    <xf numFmtId="0" fontId="88" fillId="0" borderId="0" xfId="0" applyFont="1" applyAlignment="1">
      <alignment vertical="center" wrapText="1"/>
    </xf>
    <xf numFmtId="0" fontId="88" fillId="2" borderId="0" xfId="0" applyFont="1" applyFill="1">
      <alignment vertical="center"/>
    </xf>
    <xf numFmtId="0" fontId="63" fillId="0" borderId="35" xfId="0" applyFont="1" applyBorder="1" applyAlignment="1">
      <alignment vertical="center" wrapText="1"/>
    </xf>
    <xf numFmtId="0" fontId="63" fillId="0" borderId="36" xfId="0" applyFont="1" applyBorder="1">
      <alignment vertical="center"/>
    </xf>
    <xf numFmtId="0" fontId="88" fillId="12" borderId="39" xfId="0" applyFont="1" applyFill="1" applyBorder="1" applyAlignment="1">
      <alignment vertical="center" wrapText="1"/>
    </xf>
    <xf numFmtId="0" fontId="63" fillId="0" borderId="39" xfId="0" applyFont="1" applyBorder="1">
      <alignment vertical="center"/>
    </xf>
    <xf numFmtId="0" fontId="63" fillId="0" borderId="39" xfId="0" applyFont="1" applyBorder="1" applyAlignment="1">
      <alignment vertical="center" wrapText="1"/>
    </xf>
    <xf numFmtId="0" fontId="63" fillId="0" borderId="41" xfId="0" applyFont="1" applyBorder="1" applyAlignment="1">
      <alignment vertical="center" wrapText="1"/>
    </xf>
    <xf numFmtId="165" fontId="63" fillId="0" borderId="0" xfId="0" applyNumberFormat="1" applyFont="1" applyAlignment="1">
      <alignment horizontal="left" vertical="center"/>
    </xf>
    <xf numFmtId="0" fontId="63" fillId="0" borderId="0" xfId="0" applyFont="1" applyAlignment="1">
      <alignment horizontal="center" vertical="center"/>
    </xf>
    <xf numFmtId="0" fontId="63" fillId="0" borderId="0" xfId="0" applyFont="1" applyAlignment="1">
      <alignment horizontal="center" vertical="center" wrapText="1"/>
    </xf>
    <xf numFmtId="0" fontId="63" fillId="0" borderId="40" xfId="0" applyFont="1" applyBorder="1">
      <alignment vertical="center"/>
    </xf>
    <xf numFmtId="0" fontId="63" fillId="0" borderId="42" xfId="0" applyFont="1" applyBorder="1">
      <alignment vertical="center"/>
    </xf>
    <xf numFmtId="0" fontId="63" fillId="0" borderId="41" xfId="0" applyFont="1" applyBorder="1">
      <alignment vertical="center"/>
    </xf>
    <xf numFmtId="0" fontId="89" fillId="0" borderId="40" xfId="0" applyFont="1" applyBorder="1">
      <alignment vertical="center"/>
    </xf>
    <xf numFmtId="0" fontId="89" fillId="0" borderId="35" xfId="0" applyFont="1" applyBorder="1">
      <alignment vertical="center"/>
    </xf>
    <xf numFmtId="0" fontId="89" fillId="0" borderId="37" xfId="0" applyFont="1" applyBorder="1">
      <alignment vertical="center"/>
    </xf>
    <xf numFmtId="0" fontId="90" fillId="0" borderId="38" xfId="0" applyFont="1" applyBorder="1">
      <alignment vertical="center"/>
    </xf>
    <xf numFmtId="0" fontId="90" fillId="0" borderId="0" xfId="0" applyFont="1">
      <alignment vertical="center"/>
    </xf>
    <xf numFmtId="0" fontId="90" fillId="0" borderId="38" xfId="0" applyFont="1" applyBorder="1" applyAlignment="1">
      <alignment vertical="center" wrapText="1"/>
    </xf>
    <xf numFmtId="0" fontId="90" fillId="0" borderId="0" xfId="0" applyFont="1" applyAlignment="1">
      <alignment vertical="center" wrapText="1"/>
    </xf>
    <xf numFmtId="0" fontId="63" fillId="0" borderId="37" xfId="0" applyFont="1" applyBorder="1" applyAlignment="1">
      <alignment vertical="center" wrapText="1"/>
    </xf>
    <xf numFmtId="165" fontId="63" fillId="0" borderId="41" xfId="0" applyNumberFormat="1" applyFont="1" applyBorder="1" applyAlignment="1">
      <alignment horizontal="left" vertical="center"/>
    </xf>
    <xf numFmtId="165" fontId="89" fillId="0" borderId="42" xfId="0" applyNumberFormat="1" applyFont="1" applyBorder="1" applyAlignment="1">
      <alignment horizontal="left" vertical="center"/>
    </xf>
    <xf numFmtId="0" fontId="89" fillId="12" borderId="0" xfId="0" applyFont="1" applyFill="1">
      <alignment vertical="center"/>
    </xf>
    <xf numFmtId="0" fontId="63" fillId="0" borderId="36" xfId="0" applyFont="1" applyBorder="1" applyAlignment="1">
      <alignment vertical="center" wrapText="1"/>
    </xf>
    <xf numFmtId="165" fontId="63" fillId="0" borderId="28" xfId="0" applyNumberFormat="1" applyFont="1" applyBorder="1" applyAlignment="1">
      <alignment horizontal="left" vertical="center"/>
    </xf>
    <xf numFmtId="0" fontId="88" fillId="12" borderId="28" xfId="0" applyFont="1" applyFill="1" applyBorder="1">
      <alignment vertical="center"/>
    </xf>
    <xf numFmtId="0" fontId="63" fillId="0" borderId="28" xfId="0" applyFont="1" applyBorder="1">
      <alignment vertical="center"/>
    </xf>
    <xf numFmtId="0" fontId="90" fillId="0" borderId="28" xfId="0" applyFont="1" applyBorder="1">
      <alignment vertical="center"/>
    </xf>
    <xf numFmtId="0" fontId="63" fillId="0" borderId="28" xfId="0" applyFont="1" applyBorder="1" applyAlignment="1">
      <alignment vertical="center" wrapText="1"/>
    </xf>
    <xf numFmtId="0" fontId="90" fillId="0" borderId="28" xfId="0" applyFont="1" applyBorder="1" applyAlignment="1">
      <alignment vertical="center" wrapText="1"/>
    </xf>
    <xf numFmtId="0" fontId="89" fillId="2" borderId="0" xfId="0" applyFont="1" applyFill="1" applyAlignment="1">
      <alignment vertical="center" wrapText="1"/>
    </xf>
    <xf numFmtId="0" fontId="88" fillId="12" borderId="39" xfId="0" applyFont="1" applyFill="1" applyBorder="1">
      <alignment vertical="center"/>
    </xf>
    <xf numFmtId="0" fontId="90" fillId="0" borderId="39" xfId="0" applyFont="1" applyBorder="1">
      <alignment vertical="center"/>
    </xf>
    <xf numFmtId="0" fontId="90" fillId="0" borderId="38" xfId="0" applyFont="1" applyBorder="1" applyAlignment="1">
      <alignment horizontal="left" vertical="center" wrapText="1"/>
    </xf>
    <xf numFmtId="0" fontId="90" fillId="0" borderId="0" xfId="0" applyFont="1" applyAlignment="1">
      <alignment horizontal="left" vertical="center" wrapText="1"/>
    </xf>
    <xf numFmtId="0" fontId="90" fillId="0" borderId="39" xfId="0" applyFont="1" applyBorder="1" applyAlignment="1">
      <alignment vertical="center" wrapText="1"/>
    </xf>
    <xf numFmtId="0" fontId="88" fillId="12" borderId="38" xfId="0" applyFont="1" applyFill="1" applyBorder="1" applyAlignment="1">
      <alignment vertical="center" wrapText="1"/>
    </xf>
    <xf numFmtId="0" fontId="65" fillId="0" borderId="28" xfId="47" applyFont="1" applyBorder="1" applyAlignment="1">
      <alignment horizontal="center" vertical="center" wrapText="1"/>
    </xf>
    <xf numFmtId="0" fontId="12" fillId="7" borderId="28" xfId="10" applyFont="1" applyFill="1" applyBorder="1" applyAlignment="1">
      <alignment horizontal="left" vertical="center"/>
    </xf>
    <xf numFmtId="0" fontId="11" fillId="7" borderId="5" xfId="10" applyFont="1" applyFill="1" applyBorder="1" applyAlignment="1">
      <alignment horizontal="left" vertical="center"/>
    </xf>
    <xf numFmtId="0" fontId="11" fillId="7" borderId="28" xfId="10" applyFont="1" applyFill="1" applyBorder="1" applyAlignment="1">
      <alignment horizontal="center" vertical="center"/>
    </xf>
    <xf numFmtId="0" fontId="86" fillId="0" borderId="28" xfId="10" applyFont="1" applyBorder="1" applyAlignment="1">
      <alignment horizontal="left" vertical="center"/>
    </xf>
    <xf numFmtId="0" fontId="83" fillId="0" borderId="17" xfId="10" applyFont="1" applyBorder="1" applyAlignment="1">
      <alignment horizontal="left" vertical="center"/>
    </xf>
    <xf numFmtId="0" fontId="91" fillId="0" borderId="0" xfId="0" applyFont="1">
      <alignment vertical="center"/>
    </xf>
    <xf numFmtId="0" fontId="31" fillId="0" borderId="17" xfId="10" applyFont="1" applyBorder="1" applyAlignment="1">
      <alignment horizontal="left" vertical="center"/>
    </xf>
    <xf numFmtId="0" fontId="31" fillId="0" borderId="12" xfId="10" applyFont="1" applyBorder="1" applyAlignment="1">
      <alignment horizontal="left" vertical="center"/>
    </xf>
    <xf numFmtId="0" fontId="31" fillId="0" borderId="28" xfId="0" applyFont="1" applyBorder="1" applyAlignment="1">
      <alignment vertical="center" wrapText="1"/>
    </xf>
    <xf numFmtId="0" fontId="86" fillId="0" borderId="16" xfId="10" applyFont="1" applyBorder="1" applyAlignment="1">
      <alignment horizontal="left" vertical="center"/>
    </xf>
    <xf numFmtId="0" fontId="86" fillId="0" borderId="12" xfId="10" applyFont="1" applyBorder="1" applyAlignment="1">
      <alignment horizontal="left" vertical="center"/>
    </xf>
    <xf numFmtId="0" fontId="86" fillId="0" borderId="17" xfId="10" applyFont="1" applyBorder="1" applyAlignment="1">
      <alignment horizontal="left" vertical="center"/>
    </xf>
    <xf numFmtId="0" fontId="31" fillId="0" borderId="28" xfId="0" applyFont="1" applyBorder="1" applyAlignment="1">
      <alignment vertical="top" wrapText="1"/>
    </xf>
    <xf numFmtId="0" fontId="67" fillId="0" borderId="28" xfId="47" applyFont="1" applyBorder="1" applyAlignment="1">
      <alignment horizontal="left" vertical="center"/>
    </xf>
    <xf numFmtId="0" fontId="86" fillId="0" borderId="28" xfId="0" applyFont="1" applyBorder="1" applyAlignment="1">
      <alignment horizontal="left" vertical="center"/>
    </xf>
    <xf numFmtId="167" fontId="32" fillId="0" borderId="28" xfId="43" applyNumberFormat="1" applyFont="1" applyBorder="1" applyAlignment="1">
      <alignment vertical="center"/>
    </xf>
    <xf numFmtId="0" fontId="63" fillId="13" borderId="28" xfId="0" applyFont="1" applyFill="1" applyBorder="1" applyAlignment="1">
      <alignment vertical="top"/>
    </xf>
    <xf numFmtId="0" fontId="86" fillId="0" borderId="28" xfId="0" applyFont="1" applyBorder="1" applyAlignment="1">
      <alignment vertical="top" wrapText="1"/>
    </xf>
    <xf numFmtId="0" fontId="86" fillId="0" borderId="28" xfId="10" applyFont="1" applyBorder="1" applyAlignment="1">
      <alignment horizontal="left" vertical="center" wrapText="1"/>
    </xf>
    <xf numFmtId="0" fontId="0" fillId="0" borderId="5" xfId="0" applyBorder="1">
      <alignment vertical="center"/>
    </xf>
    <xf numFmtId="0" fontId="31" fillId="0" borderId="5" xfId="0" applyFont="1" applyBorder="1">
      <alignment vertical="center"/>
    </xf>
    <xf numFmtId="0" fontId="31" fillId="0" borderId="28" xfId="10" applyFont="1" applyBorder="1" applyAlignment="1">
      <alignment horizontal="left" vertical="center" wrapText="1"/>
    </xf>
    <xf numFmtId="0" fontId="31" fillId="0" borderId="28" xfId="10" applyFont="1" applyBorder="1" applyAlignment="1">
      <alignment horizontal="left" vertical="top" wrapText="1"/>
    </xf>
    <xf numFmtId="167" fontId="92" fillId="0" borderId="28" xfId="41" applyNumberFormat="1" applyFont="1" applyBorder="1" applyAlignment="1">
      <alignment horizontal="left" vertical="center"/>
    </xf>
    <xf numFmtId="0" fontId="96" fillId="0" borderId="0" xfId="10" applyFont="1" applyAlignment="1">
      <alignment vertical="center"/>
    </xf>
    <xf numFmtId="0" fontId="97" fillId="0" borderId="0" xfId="0" applyFont="1">
      <alignment vertical="center"/>
    </xf>
    <xf numFmtId="0" fontId="98" fillId="0" borderId="0" xfId="10" applyFont="1" applyAlignment="1">
      <alignment vertical="center"/>
    </xf>
    <xf numFmtId="0" fontId="99" fillId="0" borderId="0" xfId="0" applyFont="1">
      <alignment vertical="center"/>
    </xf>
    <xf numFmtId="0" fontId="100" fillId="0" borderId="0" xfId="10" applyFont="1" applyAlignment="1">
      <alignment horizontal="center" vertical="center" wrapText="1"/>
    </xf>
    <xf numFmtId="0" fontId="101" fillId="0" borderId="0" xfId="0" applyFont="1">
      <alignment vertical="center"/>
    </xf>
    <xf numFmtId="0" fontId="102" fillId="0" borderId="0" xfId="0" applyFont="1">
      <alignment vertical="center"/>
    </xf>
    <xf numFmtId="0" fontId="93" fillId="0" borderId="28" xfId="0" applyFont="1" applyBorder="1" applyAlignment="1">
      <alignment horizontal="center" vertical="center" wrapText="1"/>
    </xf>
    <xf numFmtId="49" fontId="62" fillId="0" borderId="0" xfId="45" applyNumberFormat="1" applyFont="1" applyAlignment="1">
      <alignment horizontal="center" vertical="center"/>
    </xf>
    <xf numFmtId="0" fontId="103" fillId="14" borderId="0" xfId="0" applyFont="1" applyFill="1" applyAlignment="1">
      <alignment horizontal="center" vertical="center" wrapText="1"/>
    </xf>
    <xf numFmtId="49" fontId="11" fillId="15" borderId="0" xfId="0" applyNumberFormat="1" applyFont="1" applyFill="1" applyAlignment="1">
      <alignment horizontal="center" vertical="center"/>
    </xf>
    <xf numFmtId="49" fontId="11" fillId="15" borderId="0" xfId="0" quotePrefix="1" applyNumberFormat="1" applyFont="1" applyFill="1" applyAlignment="1">
      <alignment horizontal="center" vertical="center"/>
    </xf>
    <xf numFmtId="49" fontId="48" fillId="0" borderId="0" xfId="0" applyNumberFormat="1" applyFont="1">
      <alignment vertical="center"/>
    </xf>
    <xf numFmtId="49" fontId="48" fillId="0" borderId="0" xfId="0" applyNumberFormat="1" applyFont="1" applyAlignment="1">
      <alignment horizontal="center" vertical="center"/>
    </xf>
    <xf numFmtId="0" fontId="105" fillId="14" borderId="0" xfId="0" applyFont="1" applyFill="1" applyAlignment="1">
      <alignment horizontal="center" vertical="center" wrapText="1"/>
    </xf>
    <xf numFmtId="49" fontId="48" fillId="15" borderId="0" xfId="0" applyNumberFormat="1" applyFont="1" applyFill="1" applyAlignment="1">
      <alignment horizontal="left" vertical="center"/>
    </xf>
    <xf numFmtId="49" fontId="48" fillId="15" borderId="0" xfId="0" applyNumberFormat="1" applyFont="1" applyFill="1">
      <alignment vertical="center"/>
    </xf>
    <xf numFmtId="49" fontId="106" fillId="15" borderId="0" xfId="0" applyNumberFormat="1" applyFont="1" applyFill="1">
      <alignment vertical="center"/>
    </xf>
    <xf numFmtId="49" fontId="107" fillId="15" borderId="0" xfId="0" applyNumberFormat="1" applyFont="1" applyFill="1" applyAlignment="1">
      <alignment horizontal="left" vertical="center"/>
    </xf>
    <xf numFmtId="0" fontId="104" fillId="14" borderId="0" xfId="0" applyFont="1" applyFill="1" applyAlignment="1">
      <alignment horizontal="center" vertical="center" wrapText="1"/>
    </xf>
    <xf numFmtId="49" fontId="48" fillId="15" borderId="0" xfId="0" applyNumberFormat="1" applyFont="1" applyFill="1" applyAlignment="1">
      <alignment vertical="center" wrapText="1"/>
    </xf>
    <xf numFmtId="0" fontId="32" fillId="0" borderId="28" xfId="39" applyNumberFormat="1" applyFont="1" applyBorder="1" applyAlignment="1">
      <alignment horizontal="center" vertical="center" wrapText="1"/>
    </xf>
    <xf numFmtId="167" fontId="4" fillId="0" borderId="28" xfId="43" applyNumberFormat="1" applyFont="1" applyBorder="1" applyAlignment="1">
      <alignment horizontal="center" vertical="center"/>
    </xf>
    <xf numFmtId="0" fontId="17" fillId="0" borderId="17" xfId="0" applyFont="1" applyBorder="1">
      <alignment vertical="center"/>
    </xf>
    <xf numFmtId="0" fontId="11" fillId="2" borderId="0" xfId="41" applyFont="1" applyFill="1" applyBorder="1" applyAlignment="1">
      <alignment horizontal="left" vertical="top" wrapText="1"/>
    </xf>
    <xf numFmtId="0" fontId="11" fillId="2" borderId="28" xfId="41" applyFont="1" applyFill="1" applyBorder="1" applyAlignment="1">
      <alignment horizontal="left" vertical="top" wrapText="1"/>
    </xf>
    <xf numFmtId="0" fontId="4" fillId="0" borderId="28" xfId="39" applyNumberFormat="1" applyFont="1" applyBorder="1" applyAlignment="1">
      <alignment horizontal="center" vertical="center" wrapText="1"/>
    </xf>
    <xf numFmtId="0" fontId="11" fillId="0" borderId="30" xfId="0" applyFont="1" applyFill="1" applyBorder="1" applyAlignment="1">
      <alignment vertical="top" wrapText="1"/>
    </xf>
    <xf numFmtId="0" fontId="11" fillId="0" borderId="31" xfId="0" applyFont="1" applyBorder="1" applyAlignment="1">
      <alignment vertical="top" wrapText="1"/>
    </xf>
    <xf numFmtId="0" fontId="4" fillId="0" borderId="11" xfId="39" applyNumberFormat="1" applyFont="1" applyBorder="1" applyAlignment="1">
      <alignment horizontal="center" vertical="center"/>
    </xf>
    <xf numFmtId="0" fontId="3" fillId="2" borderId="0" xfId="10" applyFont="1" applyFill="1" applyAlignment="1">
      <alignment horizontal="center" vertical="center"/>
    </xf>
    <xf numFmtId="49" fontId="59" fillId="5" borderId="0" xfId="45" applyNumberFormat="1" applyFont="1" applyFill="1" applyAlignment="1">
      <alignment horizontal="left" vertical="center" wrapText="1"/>
    </xf>
    <xf numFmtId="0" fontId="16" fillId="0" borderId="28" xfId="10" applyFont="1" applyFill="1" applyBorder="1" applyAlignment="1">
      <alignment vertical="center"/>
    </xf>
    <xf numFmtId="0" fontId="12" fillId="0" borderId="43" xfId="10" applyFont="1" applyBorder="1" applyAlignment="1">
      <alignment vertical="center"/>
    </xf>
    <xf numFmtId="3" fontId="32" fillId="9" borderId="0" xfId="39" applyNumberFormat="1" applyFont="1" applyFill="1" applyAlignment="1">
      <alignment vertical="center"/>
    </xf>
    <xf numFmtId="0" fontId="4" fillId="0" borderId="0" xfId="10" applyFont="1" applyAlignment="1">
      <alignment horizontal="left" vertical="center"/>
    </xf>
    <xf numFmtId="0" fontId="109" fillId="3" borderId="0" xfId="45" applyFont="1" applyFill="1" applyAlignment="1">
      <alignment horizontal="center" vertical="center" wrapText="1"/>
    </xf>
    <xf numFmtId="0" fontId="111" fillId="16" borderId="44" xfId="0" applyFont="1" applyFill="1" applyBorder="1" applyAlignment="1">
      <alignment horizontal="center" vertical="center" wrapText="1" readingOrder="1"/>
    </xf>
    <xf numFmtId="49" fontId="10" fillId="17" borderId="0" xfId="45" applyNumberFormat="1" applyFont="1" applyFill="1" applyAlignment="1">
      <alignment horizontal="left" vertical="center"/>
    </xf>
    <xf numFmtId="0" fontId="112" fillId="18" borderId="45" xfId="0" applyFont="1" applyFill="1" applyBorder="1" applyAlignment="1">
      <alignment horizontal="center" vertical="center" wrapText="1" readingOrder="1"/>
    </xf>
    <xf numFmtId="0" fontId="112" fillId="18" borderId="46" xfId="0" applyFont="1" applyFill="1" applyBorder="1" applyAlignment="1">
      <alignment vertical="center" wrapText="1" readingOrder="1"/>
    </xf>
    <xf numFmtId="0" fontId="112" fillId="18" borderId="47" xfId="0" applyFont="1" applyFill="1" applyBorder="1" applyAlignment="1">
      <alignment vertical="center" wrapText="1" readingOrder="1"/>
    </xf>
    <xf numFmtId="0" fontId="112" fillId="18" borderId="46" xfId="0" applyFont="1" applyFill="1" applyBorder="1" applyAlignment="1">
      <alignment horizontal="center" vertical="center" wrapText="1" readingOrder="1"/>
    </xf>
    <xf numFmtId="0" fontId="111" fillId="16" borderId="48" xfId="0" applyFont="1" applyFill="1" applyBorder="1" applyAlignment="1">
      <alignment horizontal="center" vertical="center" wrapText="1" readingOrder="1"/>
    </xf>
    <xf numFmtId="0" fontId="111" fillId="16" borderId="49" xfId="0" applyFont="1" applyFill="1" applyBorder="1" applyAlignment="1">
      <alignment vertical="center" wrapText="1" readingOrder="1"/>
    </xf>
    <xf numFmtId="0" fontId="113" fillId="17" borderId="0" xfId="0" applyFont="1" applyFill="1" applyAlignment="1">
      <alignment horizontal="left" vertical="center" readingOrder="1"/>
    </xf>
    <xf numFmtId="0" fontId="89" fillId="17" borderId="0" xfId="0" applyFont="1" applyFill="1">
      <alignment vertical="center"/>
    </xf>
    <xf numFmtId="49" fontId="10" fillId="17" borderId="0" xfId="45" applyNumberFormat="1" applyFont="1" applyFill="1">
      <alignment vertical="center"/>
    </xf>
    <xf numFmtId="0" fontId="113" fillId="17" borderId="0" xfId="0" applyFont="1" applyFill="1">
      <alignment vertical="center"/>
    </xf>
    <xf numFmtId="0" fontId="108" fillId="8" borderId="0" xfId="45" applyFont="1" applyFill="1" applyAlignment="1">
      <alignment vertical="center"/>
    </xf>
    <xf numFmtId="49" fontId="10" fillId="8" borderId="0" xfId="45" applyNumberFormat="1" applyFont="1" applyFill="1">
      <alignment vertical="center"/>
    </xf>
    <xf numFmtId="0" fontId="110" fillId="3" borderId="0" xfId="45" applyFont="1" applyFill="1" applyAlignment="1">
      <alignment vertical="center"/>
    </xf>
    <xf numFmtId="0" fontId="116" fillId="3" borderId="0" xfId="45" applyFont="1" applyFill="1" applyAlignment="1">
      <alignment horizontal="center" vertical="center" wrapText="1"/>
    </xf>
    <xf numFmtId="49" fontId="62" fillId="0" borderId="0" xfId="45" applyNumberFormat="1" applyFont="1">
      <alignment vertical="center"/>
    </xf>
    <xf numFmtId="49" fontId="13" fillId="17" borderId="0" xfId="45" applyNumberFormat="1" applyFont="1" applyFill="1" applyAlignment="1">
      <alignment horizontal="left" vertical="center"/>
    </xf>
    <xf numFmtId="0" fontId="13" fillId="17" borderId="0" xfId="45" applyFont="1" applyFill="1" applyAlignment="1">
      <alignment horizontal="left" vertical="center"/>
    </xf>
    <xf numFmtId="0" fontId="12" fillId="0" borderId="43" xfId="10" applyFont="1" applyFill="1" applyBorder="1" applyAlignment="1">
      <alignment vertical="center"/>
    </xf>
    <xf numFmtId="167" fontId="32" fillId="0" borderId="28" xfId="43" applyNumberFormat="1" applyFont="1" applyBorder="1" applyAlignment="1">
      <alignment horizontal="center" vertical="center" wrapText="1"/>
    </xf>
    <xf numFmtId="0" fontId="117" fillId="7" borderId="13" xfId="10" applyFont="1" applyFill="1" applyBorder="1" applyAlignment="1">
      <alignment horizontal="left" vertical="center"/>
    </xf>
    <xf numFmtId="0" fontId="11" fillId="0" borderId="28" xfId="41" applyFont="1" applyFill="1" applyBorder="1" applyAlignment="1">
      <alignment horizontal="left" vertical="top" wrapText="1"/>
    </xf>
    <xf numFmtId="0" fontId="66" fillId="0" borderId="0" xfId="10" applyFont="1" applyBorder="1" applyAlignment="1">
      <alignment horizontal="center" vertical="center"/>
    </xf>
    <xf numFmtId="0" fontId="31" fillId="0" borderId="28" xfId="0" applyFont="1" applyFill="1" applyBorder="1" applyAlignment="1">
      <alignment vertical="top" wrapText="1"/>
    </xf>
    <xf numFmtId="0" fontId="86" fillId="0" borderId="28" xfId="10" applyFont="1" applyFill="1" applyBorder="1" applyAlignment="1">
      <alignment horizontal="left" vertical="center"/>
    </xf>
    <xf numFmtId="0" fontId="31" fillId="0" borderId="28" xfId="10" applyFont="1" applyFill="1" applyBorder="1" applyAlignment="1">
      <alignment horizontal="left" vertical="center"/>
    </xf>
    <xf numFmtId="0" fontId="12" fillId="0" borderId="5" xfId="0" applyFont="1" applyFill="1" applyBorder="1" applyAlignment="1">
      <alignment horizontal="center" vertical="center"/>
    </xf>
    <xf numFmtId="167" fontId="11" fillId="0" borderId="28" xfId="0" applyNumberFormat="1" applyFont="1" applyFill="1" applyBorder="1" applyAlignment="1">
      <alignment horizontal="center" vertical="center"/>
    </xf>
    <xf numFmtId="0" fontId="6" fillId="0" borderId="28" xfId="10" applyFont="1" applyFill="1" applyBorder="1" applyAlignment="1">
      <alignment vertical="center" wrapText="1"/>
    </xf>
    <xf numFmtId="0" fontId="6" fillId="0" borderId="28" xfId="10" applyFont="1" applyFill="1" applyBorder="1" applyAlignment="1">
      <alignment horizontal="center" vertical="center"/>
    </xf>
    <xf numFmtId="49" fontId="6" fillId="0" borderId="28" xfId="10" applyNumberFormat="1" applyFont="1" applyFill="1" applyBorder="1" applyAlignment="1">
      <alignment horizontal="center" vertical="center"/>
    </xf>
    <xf numFmtId="0" fontId="6" fillId="0" borderId="28" xfId="10" applyFont="1" applyFill="1" applyBorder="1" applyAlignment="1">
      <alignment vertical="center"/>
    </xf>
    <xf numFmtId="0" fontId="11" fillId="0" borderId="0" xfId="10" applyFont="1" applyFill="1"/>
    <xf numFmtId="0" fontId="12" fillId="6" borderId="28" xfId="0" applyFont="1" applyFill="1" applyBorder="1" applyAlignment="1">
      <alignment horizontal="center" vertical="center"/>
    </xf>
    <xf numFmtId="0" fontId="11" fillId="0" borderId="13" xfId="0" applyFont="1" applyBorder="1">
      <alignment vertical="center"/>
    </xf>
    <xf numFmtId="0" fontId="4" fillId="0" borderId="6" xfId="39" applyNumberFormat="1" applyFont="1" applyBorder="1" applyAlignment="1">
      <alignment horizontal="center" vertical="center"/>
    </xf>
    <xf numFmtId="0" fontId="32" fillId="0" borderId="28" xfId="39" applyNumberFormat="1" applyFont="1" applyBorder="1" applyAlignment="1">
      <alignment horizontal="center" vertical="center"/>
    </xf>
    <xf numFmtId="0" fontId="0" fillId="0" borderId="16" xfId="0" applyFill="1" applyBorder="1">
      <alignment vertical="center"/>
    </xf>
    <xf numFmtId="0" fontId="11" fillId="0" borderId="12" xfId="0" applyFont="1" applyFill="1" applyBorder="1">
      <alignment vertical="center"/>
    </xf>
    <xf numFmtId="0" fontId="62" fillId="0" borderId="32" xfId="0" applyFont="1" applyFill="1" applyBorder="1" applyAlignment="1">
      <alignment vertical="top"/>
    </xf>
    <xf numFmtId="0" fontId="11" fillId="0" borderId="23" xfId="0" applyFont="1" applyFill="1" applyBorder="1">
      <alignment vertical="center"/>
    </xf>
    <xf numFmtId="49" fontId="32" fillId="0" borderId="28" xfId="39" applyNumberFormat="1" applyFont="1" applyBorder="1" applyAlignment="1">
      <alignment horizontal="center" vertical="center" wrapText="1"/>
    </xf>
    <xf numFmtId="0" fontId="0" fillId="0" borderId="50" xfId="0" applyBorder="1">
      <alignment vertical="center"/>
    </xf>
    <xf numFmtId="0" fontId="11" fillId="0" borderId="26" xfId="0" applyFont="1" applyFill="1" applyBorder="1" applyAlignment="1">
      <alignment vertical="top" wrapText="1"/>
    </xf>
    <xf numFmtId="0" fontId="11" fillId="0" borderId="30" xfId="41" applyFont="1" applyFill="1" applyBorder="1" applyAlignment="1">
      <alignment horizontal="left" vertical="top" wrapText="1"/>
    </xf>
    <xf numFmtId="0" fontId="4" fillId="0" borderId="15" xfId="39" applyNumberFormat="1" applyFont="1" applyFill="1" applyBorder="1" applyAlignment="1">
      <alignment horizontal="center" vertical="center" wrapText="1"/>
    </xf>
    <xf numFmtId="0" fontId="11" fillId="0" borderId="20" xfId="10" applyFont="1" applyFill="1" applyBorder="1" applyAlignment="1">
      <alignment vertical="center"/>
    </xf>
    <xf numFmtId="0" fontId="11" fillId="0" borderId="29" xfId="10" applyFont="1" applyFill="1" applyBorder="1" applyAlignment="1">
      <alignment vertical="center"/>
    </xf>
    <xf numFmtId="0" fontId="11" fillId="0" borderId="18" xfId="41" applyFont="1" applyFill="1" applyBorder="1" applyAlignment="1">
      <alignment vertical="top" wrapText="1"/>
    </xf>
    <xf numFmtId="0" fontId="4" fillId="0" borderId="28" xfId="39" applyNumberFormat="1" applyFont="1" applyBorder="1" applyAlignment="1">
      <alignment horizontal="center" vertical="center"/>
    </xf>
    <xf numFmtId="0" fontId="12" fillId="0" borderId="5" xfId="10" applyFont="1" applyFill="1" applyBorder="1" applyAlignment="1">
      <alignment vertical="center"/>
    </xf>
    <xf numFmtId="0" fontId="16" fillId="0" borderId="5" xfId="10" applyFont="1" applyFill="1" applyBorder="1" applyAlignment="1">
      <alignment vertical="center"/>
    </xf>
    <xf numFmtId="0" fontId="17" fillId="0" borderId="12" xfId="0" applyFont="1" applyBorder="1">
      <alignment vertical="center"/>
    </xf>
    <xf numFmtId="0" fontId="11" fillId="0" borderId="12" xfId="0" applyFont="1" applyBorder="1" applyAlignment="1">
      <alignment vertical="center"/>
    </xf>
    <xf numFmtId="0" fontId="12" fillId="0" borderId="5" xfId="10" applyFont="1" applyFill="1" applyBorder="1" applyAlignment="1">
      <alignment horizontal="left" vertical="center" wrapText="1"/>
    </xf>
    <xf numFmtId="0" fontId="11" fillId="0" borderId="17" xfId="0" applyFont="1" applyFill="1" applyBorder="1">
      <alignment vertical="center"/>
    </xf>
    <xf numFmtId="0" fontId="66" fillId="0" borderId="28" xfId="10" applyFont="1" applyFill="1" applyBorder="1" applyAlignment="1">
      <alignment horizontal="center" vertical="center"/>
    </xf>
    <xf numFmtId="0" fontId="83" fillId="0" borderId="17" xfId="10" applyFont="1" applyFill="1" applyBorder="1" applyAlignment="1">
      <alignment horizontal="left" vertical="center"/>
    </xf>
    <xf numFmtId="0" fontId="86" fillId="0" borderId="28" xfId="0" applyFont="1" applyFill="1" applyBorder="1">
      <alignment vertical="center"/>
    </xf>
    <xf numFmtId="167" fontId="11" fillId="0" borderId="28" xfId="41" applyNumberFormat="1" applyFont="1" applyFill="1" applyBorder="1" applyAlignment="1">
      <alignment horizontal="right" vertical="center"/>
    </xf>
    <xf numFmtId="167" fontId="32" fillId="0" borderId="28" xfId="43" applyNumberFormat="1" applyFont="1" applyFill="1" applyBorder="1" applyAlignment="1">
      <alignment horizontal="center" vertical="center"/>
    </xf>
    <xf numFmtId="0" fontId="102" fillId="0" borderId="0" xfId="0" applyFont="1" applyFill="1">
      <alignment vertical="center"/>
    </xf>
    <xf numFmtId="0" fontId="91" fillId="0" borderId="0" xfId="0" applyFont="1" applyFill="1">
      <alignment vertical="center"/>
    </xf>
    <xf numFmtId="167" fontId="3" fillId="0" borderId="28" xfId="43" applyNumberFormat="1" applyFont="1" applyFill="1" applyBorder="1" applyAlignment="1">
      <alignment vertical="center"/>
    </xf>
    <xf numFmtId="0" fontId="86" fillId="0" borderId="28" xfId="0" applyFont="1" applyFill="1" applyBorder="1" applyAlignment="1">
      <alignment vertical="top" wrapText="1"/>
    </xf>
    <xf numFmtId="0" fontId="11" fillId="0" borderId="15" xfId="0" applyFont="1" applyFill="1" applyBorder="1" applyAlignment="1">
      <alignment horizontal="left" vertical="top" wrapText="1"/>
    </xf>
    <xf numFmtId="0" fontId="3" fillId="0" borderId="16" xfId="10" applyFont="1" applyFill="1" applyBorder="1" applyAlignment="1">
      <alignment vertical="top" wrapText="1"/>
    </xf>
    <xf numFmtId="0" fontId="11" fillId="0" borderId="0" xfId="0" applyFont="1" applyFill="1" applyBorder="1" applyAlignment="1">
      <alignment vertical="top" wrapText="1"/>
    </xf>
    <xf numFmtId="0" fontId="120" fillId="0" borderId="51" xfId="47" applyFont="1" applyBorder="1" applyAlignment="1">
      <alignment horizontal="left" vertical="center"/>
    </xf>
    <xf numFmtId="0" fontId="3" fillId="2" borderId="0" xfId="10" applyFont="1" applyFill="1" applyAlignment="1">
      <alignment vertical="top"/>
    </xf>
    <xf numFmtId="0" fontId="51" fillId="11" borderId="28" xfId="0" applyFont="1" applyFill="1" applyBorder="1" applyAlignment="1">
      <alignment horizontal="center" vertical="top" wrapText="1"/>
    </xf>
    <xf numFmtId="0" fontId="51" fillId="11" borderId="28" xfId="0" applyFont="1" applyFill="1" applyBorder="1" applyAlignment="1">
      <alignment horizontal="center" vertical="top"/>
    </xf>
    <xf numFmtId="0" fontId="3" fillId="0" borderId="0" xfId="10" applyFont="1" applyAlignment="1">
      <alignment vertical="top"/>
    </xf>
    <xf numFmtId="0" fontId="3" fillId="2" borderId="0" xfId="10" applyFont="1" applyFill="1" applyAlignment="1">
      <alignment horizontal="left" vertical="center"/>
    </xf>
    <xf numFmtId="0" fontId="6" fillId="2" borderId="0" xfId="10" applyFont="1" applyFill="1" applyAlignment="1">
      <alignment horizontal="left" vertical="center"/>
    </xf>
    <xf numFmtId="0" fontId="3" fillId="0" borderId="0" xfId="10" applyFont="1" applyAlignment="1">
      <alignment horizontal="left" vertical="center"/>
    </xf>
    <xf numFmtId="0" fontId="6" fillId="11" borderId="28" xfId="0" applyFont="1" applyFill="1" applyBorder="1" applyAlignment="1">
      <alignment horizontal="center" vertical="center" wrapText="1"/>
    </xf>
    <xf numFmtId="0" fontId="12" fillId="0" borderId="17" xfId="10" applyFont="1" applyFill="1" applyBorder="1" applyAlignment="1">
      <alignment horizontal="left" vertical="center"/>
    </xf>
    <xf numFmtId="0" fontId="11" fillId="7" borderId="28" xfId="10" applyFont="1" applyFill="1" applyBorder="1" applyAlignment="1">
      <alignment horizontal="left" vertical="center"/>
    </xf>
    <xf numFmtId="0" fontId="13" fillId="0" borderId="16" xfId="10" applyFont="1" applyFill="1" applyBorder="1" applyAlignment="1">
      <alignment horizontal="left" vertical="center" wrapText="1"/>
    </xf>
    <xf numFmtId="0" fontId="11" fillId="0" borderId="16" xfId="0" applyFont="1" applyBorder="1" applyAlignment="1">
      <alignment horizontal="center" vertical="center"/>
    </xf>
    <xf numFmtId="0" fontId="3" fillId="0" borderId="0" xfId="10" applyFont="1" applyFill="1" applyAlignment="1">
      <alignment vertical="center"/>
    </xf>
    <xf numFmtId="0" fontId="3" fillId="0" borderId="10" xfId="10" applyFont="1" applyFill="1" applyBorder="1" applyAlignment="1">
      <alignment vertical="center"/>
    </xf>
    <xf numFmtId="0" fontId="50" fillId="0" borderId="5" xfId="10" applyFont="1" applyFill="1" applyBorder="1" applyAlignment="1">
      <alignment horizontal="left" vertical="center"/>
    </xf>
    <xf numFmtId="0" fontId="12" fillId="6" borderId="14" xfId="41" applyFont="1" applyFill="1" applyBorder="1" applyAlignment="1">
      <alignment horizontal="left" vertical="center"/>
    </xf>
    <xf numFmtId="9" fontId="3" fillId="0" borderId="5" xfId="43" applyFont="1" applyFill="1" applyBorder="1" applyAlignment="1">
      <alignment vertical="center"/>
    </xf>
    <xf numFmtId="9" fontId="3" fillId="0" borderId="5" xfId="43" applyFont="1" applyBorder="1" applyAlignment="1">
      <alignment vertical="center"/>
    </xf>
    <xf numFmtId="9" fontId="32" fillId="0" borderId="5" xfId="43" applyFont="1" applyBorder="1" applyAlignment="1">
      <alignment vertical="center"/>
    </xf>
    <xf numFmtId="0" fontId="6" fillId="0" borderId="5" xfId="10" applyFont="1" applyBorder="1" applyAlignment="1">
      <alignment vertical="center" wrapText="1"/>
    </xf>
    <xf numFmtId="0" fontId="95" fillId="0" borderId="52" xfId="0" applyFont="1" applyBorder="1">
      <alignment vertical="center"/>
    </xf>
    <xf numFmtId="0" fontId="94" fillId="0" borderId="52" xfId="0" applyFont="1" applyBorder="1">
      <alignment vertical="center"/>
    </xf>
    <xf numFmtId="0" fontId="97" fillId="0" borderId="52" xfId="0" applyFont="1" applyBorder="1">
      <alignment vertical="center"/>
    </xf>
    <xf numFmtId="0" fontId="68" fillId="0" borderId="52" xfId="0" applyFont="1" applyBorder="1">
      <alignment vertical="center"/>
    </xf>
    <xf numFmtId="0" fontId="121" fillId="10" borderId="52" xfId="0" applyFont="1" applyFill="1" applyBorder="1" applyAlignment="1">
      <alignment horizontal="center" vertical="center" wrapText="1"/>
    </xf>
    <xf numFmtId="0" fontId="96" fillId="0" borderId="0" xfId="10" applyFont="1" applyAlignment="1">
      <alignment horizontal="center" vertical="center" wrapText="1"/>
    </xf>
    <xf numFmtId="0" fontId="122" fillId="7" borderId="52" xfId="10" applyFont="1" applyFill="1" applyBorder="1" applyAlignment="1">
      <alignment vertical="center"/>
    </xf>
    <xf numFmtId="0" fontId="52" fillId="0" borderId="52" xfId="10" applyFont="1" applyFill="1" applyBorder="1" applyAlignment="1">
      <alignment vertical="center"/>
    </xf>
    <xf numFmtId="0" fontId="52" fillId="0" borderId="52" xfId="10" applyFont="1" applyBorder="1" applyAlignment="1">
      <alignment vertical="center"/>
    </xf>
    <xf numFmtId="0" fontId="95" fillId="0" borderId="52" xfId="10" applyFont="1" applyBorder="1" applyAlignment="1">
      <alignment vertical="center" wrapText="1"/>
    </xf>
    <xf numFmtId="0" fontId="95" fillId="0" borderId="52" xfId="10" applyFont="1" applyBorder="1" applyAlignment="1">
      <alignment vertical="center"/>
    </xf>
    <xf numFmtId="0" fontId="95" fillId="0" borderId="52" xfId="0" applyFont="1" applyBorder="1" applyAlignment="1">
      <alignment horizontal="right" vertical="center"/>
    </xf>
    <xf numFmtId="0" fontId="123" fillId="10" borderId="52" xfId="0" applyFont="1" applyFill="1" applyBorder="1" applyAlignment="1">
      <alignment horizontal="center" vertical="center" wrapText="1"/>
    </xf>
    <xf numFmtId="0" fontId="123" fillId="10" borderId="15" xfId="0" applyFont="1" applyFill="1" applyBorder="1" applyAlignment="1">
      <alignment horizontal="center" vertical="center" wrapText="1"/>
    </xf>
    <xf numFmtId="0" fontId="94" fillId="0" borderId="52" xfId="10" applyFont="1" applyBorder="1" applyAlignment="1">
      <alignment vertical="center" wrapText="1"/>
    </xf>
    <xf numFmtId="0" fontId="94" fillId="0" borderId="15" xfId="0" applyFont="1" applyBorder="1" applyAlignment="1">
      <alignment horizontal="center" vertical="center" wrapText="1"/>
    </xf>
    <xf numFmtId="0" fontId="125" fillId="10" borderId="52" xfId="0" applyFont="1" applyFill="1" applyBorder="1" applyAlignment="1">
      <alignment horizontal="center" vertical="center" wrapText="1"/>
    </xf>
    <xf numFmtId="0" fontId="126" fillId="0" borderId="52" xfId="10" applyFont="1" applyBorder="1" applyAlignment="1">
      <alignment horizontal="left" vertical="center" wrapText="1"/>
    </xf>
    <xf numFmtId="0" fontId="94" fillId="0" borderId="52" xfId="0" applyFont="1" applyBorder="1" applyAlignment="1">
      <alignment horizontal="left" vertical="top"/>
    </xf>
    <xf numFmtId="0" fontId="95" fillId="0" borderId="52" xfId="10" applyFont="1" applyBorder="1" applyAlignment="1">
      <alignment horizontal="left" vertical="top" wrapText="1"/>
    </xf>
    <xf numFmtId="0" fontId="126" fillId="0" borderId="52" xfId="10" applyFont="1" applyBorder="1" applyAlignment="1">
      <alignment horizontal="left" vertical="top" wrapText="1"/>
    </xf>
    <xf numFmtId="0" fontId="121" fillId="10" borderId="52" xfId="0" applyFont="1" applyFill="1" applyBorder="1" applyAlignment="1">
      <alignment horizontal="left" vertical="top" wrapText="1"/>
    </xf>
    <xf numFmtId="0" fontId="122" fillId="7" borderId="52" xfId="10" applyFont="1" applyFill="1" applyBorder="1" applyAlignment="1">
      <alignment horizontal="left" vertical="top"/>
    </xf>
    <xf numFmtId="0" fontId="95" fillId="0" borderId="52" xfId="10" applyFont="1" applyFill="1" applyBorder="1" applyAlignment="1">
      <alignment horizontal="left" vertical="top" wrapText="1"/>
    </xf>
    <xf numFmtId="0" fontId="52" fillId="0" borderId="52" xfId="10" applyFont="1" applyFill="1" applyBorder="1" applyAlignment="1">
      <alignment horizontal="left" vertical="top" wrapText="1"/>
    </xf>
    <xf numFmtId="0" fontId="52" fillId="0" borderId="52" xfId="10" applyFont="1" applyFill="1" applyBorder="1" applyAlignment="1">
      <alignment horizontal="left" vertical="top"/>
    </xf>
    <xf numFmtId="0" fontId="102" fillId="0" borderId="52" xfId="0" applyFont="1" applyFill="1" applyBorder="1" applyAlignment="1">
      <alignment horizontal="left" vertical="top"/>
    </xf>
    <xf numFmtId="49" fontId="52" fillId="0" borderId="52" xfId="10" applyNumberFormat="1" applyFont="1" applyFill="1" applyBorder="1" applyAlignment="1">
      <alignment horizontal="left" vertical="top"/>
    </xf>
    <xf numFmtId="49" fontId="95" fillId="0" borderId="52" xfId="10" applyNumberFormat="1" applyFont="1" applyFill="1" applyBorder="1" applyAlignment="1">
      <alignment horizontal="left" vertical="top"/>
    </xf>
    <xf numFmtId="0" fontId="95" fillId="2" borderId="52" xfId="10" applyFont="1" applyFill="1" applyBorder="1" applyAlignment="1">
      <alignment horizontal="left" vertical="top" wrapText="1"/>
    </xf>
    <xf numFmtId="0" fontId="52" fillId="0" borderId="52" xfId="10" applyFont="1" applyBorder="1" applyAlignment="1">
      <alignment horizontal="left" vertical="top" wrapText="1"/>
    </xf>
    <xf numFmtId="0" fontId="52" fillId="0" borderId="52" xfId="10" applyFont="1" applyBorder="1" applyAlignment="1">
      <alignment horizontal="left" vertical="top"/>
    </xf>
    <xf numFmtId="0" fontId="102" fillId="0" borderId="52" xfId="0" applyFont="1" applyBorder="1" applyAlignment="1">
      <alignment horizontal="left" vertical="top"/>
    </xf>
    <xf numFmtId="49" fontId="52" fillId="0" borderId="52" xfId="10" applyNumberFormat="1" applyFont="1" applyBorder="1" applyAlignment="1">
      <alignment horizontal="left" vertical="top"/>
    </xf>
    <xf numFmtId="49" fontId="95" fillId="0" borderId="52" xfId="10" applyNumberFormat="1" applyFont="1" applyBorder="1" applyAlignment="1">
      <alignment horizontal="left" vertical="top"/>
    </xf>
    <xf numFmtId="0" fontId="95" fillId="0" borderId="52" xfId="10" applyFont="1" applyBorder="1" applyAlignment="1">
      <alignment horizontal="left" vertical="top"/>
    </xf>
    <xf numFmtId="0" fontId="101" fillId="0" borderId="52" xfId="0" applyFont="1" applyBorder="1" applyAlignment="1">
      <alignment horizontal="left" vertical="top"/>
    </xf>
    <xf numFmtId="0" fontId="95" fillId="0" borderId="52" xfId="0" applyFont="1" applyBorder="1" applyAlignment="1">
      <alignment horizontal="left" vertical="top" wrapText="1"/>
    </xf>
    <xf numFmtId="0" fontId="95" fillId="0" borderId="52" xfId="0" applyFont="1" applyBorder="1" applyAlignment="1">
      <alignment horizontal="left" vertical="top"/>
    </xf>
    <xf numFmtId="0" fontId="123" fillId="10" borderId="52" xfId="0" applyFont="1" applyFill="1" applyBorder="1" applyAlignment="1">
      <alignment horizontal="left" vertical="top" wrapText="1"/>
    </xf>
    <xf numFmtId="0" fontId="94" fillId="0" borderId="52" xfId="10" applyFont="1" applyBorder="1" applyAlignment="1">
      <alignment horizontal="left" vertical="top" wrapText="1"/>
    </xf>
    <xf numFmtId="0" fontId="94" fillId="0" borderId="52" xfId="10" applyFont="1" applyBorder="1" applyAlignment="1">
      <alignment horizontal="left" vertical="top"/>
    </xf>
    <xf numFmtId="0" fontId="3" fillId="0" borderId="52" xfId="10" applyFont="1" applyBorder="1" applyAlignment="1">
      <alignment horizontal="left" vertical="top" wrapText="1"/>
    </xf>
    <xf numFmtId="49" fontId="94" fillId="0" borderId="52" xfId="10" applyNumberFormat="1" applyFont="1" applyBorder="1" applyAlignment="1">
      <alignment horizontal="left" vertical="top"/>
    </xf>
    <xf numFmtId="0" fontId="94" fillId="0" borderId="52" xfId="0" applyFont="1" applyBorder="1" applyAlignment="1">
      <alignment horizontal="left" vertical="top" wrapText="1"/>
    </xf>
    <xf numFmtId="0" fontId="97" fillId="0" borderId="52" xfId="0" applyFont="1" applyBorder="1" applyAlignment="1">
      <alignment horizontal="left" vertical="top"/>
    </xf>
    <xf numFmtId="49" fontId="94" fillId="0" borderId="52" xfId="0" applyNumberFormat="1" applyFont="1" applyBorder="1" applyAlignment="1">
      <alignment horizontal="left" vertical="top" wrapText="1"/>
    </xf>
    <xf numFmtId="0" fontId="125" fillId="10" borderId="52" xfId="0" applyFont="1" applyFill="1" applyBorder="1" applyAlignment="1">
      <alignment horizontal="left" vertical="top" wrapText="1"/>
    </xf>
    <xf numFmtId="0" fontId="127" fillId="0" borderId="52" xfId="10" applyFont="1" applyBorder="1" applyAlignment="1">
      <alignment horizontal="left" vertical="top" wrapText="1"/>
    </xf>
    <xf numFmtId="0" fontId="126" fillId="0" borderId="52" xfId="10" applyFont="1" applyBorder="1" applyAlignment="1">
      <alignment horizontal="left" vertical="top"/>
    </xf>
    <xf numFmtId="49" fontId="126" fillId="0" borderId="52" xfId="10" applyNumberFormat="1" applyFont="1" applyBorder="1" applyAlignment="1">
      <alignment horizontal="left" vertical="top"/>
    </xf>
    <xf numFmtId="0" fontId="97" fillId="0" borderId="0" xfId="0" applyFont="1" applyAlignment="1">
      <alignment horizontal="left" vertical="top"/>
    </xf>
    <xf numFmtId="0" fontId="11" fillId="0" borderId="20" xfId="10" applyFont="1" applyBorder="1" applyAlignment="1">
      <alignment horizontal="center" vertical="center"/>
    </xf>
    <xf numFmtId="0" fontId="11" fillId="0" borderId="29" xfId="10" applyFont="1" applyBorder="1" applyAlignment="1">
      <alignment horizontal="center" vertical="center"/>
    </xf>
    <xf numFmtId="3" fontId="3" fillId="9" borderId="5" xfId="39" applyNumberFormat="1" applyFont="1" applyFill="1" applyBorder="1" applyAlignment="1">
      <alignment vertical="center"/>
    </xf>
    <xf numFmtId="0" fontId="3" fillId="0" borderId="54" xfId="10" applyFont="1" applyFill="1" applyBorder="1" applyAlignment="1">
      <alignment horizontal="left" vertical="center"/>
    </xf>
    <xf numFmtId="0" fontId="3" fillId="0" borderId="54" xfId="10" applyFont="1" applyFill="1" applyBorder="1" applyAlignment="1">
      <alignment horizontal="center" vertical="center"/>
    </xf>
    <xf numFmtId="0" fontId="3" fillId="0" borderId="54" xfId="10" applyFont="1" applyFill="1" applyBorder="1" applyAlignment="1">
      <alignment vertical="center"/>
    </xf>
    <xf numFmtId="0" fontId="3" fillId="0" borderId="54" xfId="10" applyFont="1" applyFill="1" applyBorder="1" applyAlignment="1">
      <alignment vertical="center" wrapText="1"/>
    </xf>
    <xf numFmtId="0" fontId="3" fillId="0" borderId="54" xfId="0" applyFont="1" applyFill="1" applyBorder="1" applyAlignment="1">
      <alignment horizontal="left" vertical="top" wrapText="1"/>
    </xf>
    <xf numFmtId="0" fontId="3" fillId="0" borderId="54" xfId="10" applyFont="1" applyFill="1" applyBorder="1" applyAlignment="1">
      <alignment vertical="top" wrapText="1"/>
    </xf>
    <xf numFmtId="0" fontId="3" fillId="0" borderId="54" xfId="10" applyFont="1" applyFill="1" applyBorder="1" applyAlignment="1">
      <alignment vertical="top"/>
    </xf>
    <xf numFmtId="0" fontId="3" fillId="0" borderId="54" xfId="10" applyFont="1" applyFill="1" applyBorder="1" applyAlignment="1">
      <alignment horizontal="left" vertical="top" wrapText="1"/>
    </xf>
    <xf numFmtId="0" fontId="63" fillId="0" borderId="54" xfId="10" applyFont="1" applyFill="1" applyBorder="1" applyAlignment="1">
      <alignment horizontal="center" vertical="center" wrapText="1"/>
    </xf>
    <xf numFmtId="0" fontId="63" fillId="0" borderId="54" xfId="10" applyFont="1" applyFill="1" applyBorder="1" applyAlignment="1">
      <alignment horizontal="left" vertical="center" wrapText="1"/>
    </xf>
    <xf numFmtId="0" fontId="63" fillId="0" borderId="54" xfId="49" applyFont="1" applyFill="1" applyBorder="1" applyAlignment="1">
      <alignment horizontal="left" vertical="top" wrapText="1"/>
    </xf>
    <xf numFmtId="0" fontId="63" fillId="0" borderId="54" xfId="10" applyFont="1" applyFill="1" applyBorder="1" applyAlignment="1">
      <alignment vertical="top" wrapText="1"/>
    </xf>
    <xf numFmtId="0" fontId="12" fillId="7" borderId="53" xfId="10" applyFont="1" applyFill="1" applyBorder="1" applyAlignment="1">
      <alignment vertical="center"/>
    </xf>
    <xf numFmtId="0" fontId="12" fillId="7" borderId="53" xfId="10" applyFont="1" applyFill="1" applyBorder="1" applyAlignment="1">
      <alignment vertical="center" wrapText="1"/>
    </xf>
    <xf numFmtId="0" fontId="12" fillId="7" borderId="32" xfId="10" applyFont="1" applyFill="1" applyBorder="1" applyAlignment="1">
      <alignment vertical="center"/>
    </xf>
    <xf numFmtId="0" fontId="129" fillId="0" borderId="54" xfId="10" applyFont="1" applyFill="1" applyBorder="1" applyAlignment="1">
      <alignment horizontal="center" vertical="center"/>
    </xf>
    <xf numFmtId="0" fontId="129" fillId="0" borderId="54" xfId="10" applyFont="1" applyFill="1" applyBorder="1" applyAlignment="1">
      <alignment vertical="center"/>
    </xf>
    <xf numFmtId="0" fontId="129" fillId="0" borderId="54" xfId="10" applyFont="1" applyFill="1" applyBorder="1" applyAlignment="1">
      <alignment vertical="center" wrapText="1"/>
    </xf>
    <xf numFmtId="0" fontId="129" fillId="0" borderId="54" xfId="10" applyFont="1" applyFill="1" applyBorder="1" applyAlignment="1">
      <alignment horizontal="left" vertical="top" wrapText="1"/>
    </xf>
    <xf numFmtId="0" fontId="3" fillId="0" borderId="54" xfId="10" applyFont="1" applyBorder="1" applyAlignment="1">
      <alignment horizontal="center" vertical="center"/>
    </xf>
    <xf numFmtId="0" fontId="3" fillId="0" borderId="54" xfId="10" applyFont="1" applyBorder="1" applyAlignment="1">
      <alignment vertical="center"/>
    </xf>
    <xf numFmtId="0" fontId="3" fillId="0" borderId="54" xfId="10" applyFont="1" applyBorder="1" applyAlignment="1">
      <alignment vertical="center" wrapText="1"/>
    </xf>
    <xf numFmtId="0" fontId="3" fillId="0" borderId="54" xfId="10" applyFont="1" applyBorder="1" applyAlignment="1">
      <alignment horizontal="left" vertical="top" wrapText="1"/>
    </xf>
    <xf numFmtId="0" fontId="3" fillId="0" borderId="54" xfId="10" applyFont="1" applyBorder="1" applyAlignment="1">
      <alignment horizontal="center" vertical="center" wrapText="1"/>
    </xf>
    <xf numFmtId="49" fontId="3" fillId="0" borderId="54" xfId="10" applyNumberFormat="1" applyFont="1" applyBorder="1" applyAlignment="1">
      <alignment horizontal="center" vertical="center"/>
    </xf>
    <xf numFmtId="0" fontId="51" fillId="10" borderId="16" xfId="0" applyFont="1" applyFill="1" applyBorder="1" applyAlignment="1">
      <alignment horizontal="center" vertical="center" wrapText="1"/>
    </xf>
    <xf numFmtId="0" fontId="3" fillId="0" borderId="54" xfId="10" applyFont="1" applyBorder="1" applyAlignment="1">
      <alignment horizontal="left" vertical="center" wrapText="1"/>
    </xf>
    <xf numFmtId="0" fontId="3" fillId="0" borderId="54" xfId="10" applyFont="1" applyFill="1" applyBorder="1" applyAlignment="1">
      <alignment horizontal="center" vertical="center" wrapText="1"/>
    </xf>
    <xf numFmtId="0" fontId="0" fillId="0" borderId="6" xfId="0" applyBorder="1">
      <alignment vertical="center"/>
    </xf>
    <xf numFmtId="167" fontId="11" fillId="0" borderId="16" xfId="41" applyNumberFormat="1" applyFont="1" applyFill="1" applyBorder="1" applyAlignment="1">
      <alignment horizontal="center" vertical="center"/>
    </xf>
    <xf numFmtId="0" fontId="12" fillId="7" borderId="5" xfId="10" applyFont="1" applyFill="1" applyBorder="1" applyAlignment="1">
      <alignment horizontal="left" vertical="center"/>
    </xf>
    <xf numFmtId="0" fontId="12" fillId="7" borderId="6" xfId="10" applyFont="1" applyFill="1" applyBorder="1" applyAlignment="1">
      <alignment horizontal="left" vertical="center"/>
    </xf>
    <xf numFmtId="0" fontId="12" fillId="7" borderId="6" xfId="10" applyFont="1" applyFill="1" applyBorder="1" applyAlignment="1">
      <alignment horizontal="left" vertical="top"/>
    </xf>
    <xf numFmtId="0" fontId="0" fillId="0" borderId="0" xfId="0" applyAlignment="1">
      <alignment horizontal="center" vertical="center"/>
    </xf>
    <xf numFmtId="0" fontId="32" fillId="0" borderId="16" xfId="39" applyNumberFormat="1" applyFont="1" applyBorder="1" applyAlignment="1">
      <alignment horizontal="center" vertical="center"/>
    </xf>
    <xf numFmtId="0" fontId="4" fillId="0" borderId="15" xfId="39" applyNumberFormat="1" applyFont="1" applyBorder="1" applyAlignment="1">
      <alignment horizontal="center" vertical="center"/>
    </xf>
    <xf numFmtId="0" fontId="11" fillId="0" borderId="14" xfId="10" applyFont="1" applyBorder="1" applyAlignment="1">
      <alignment vertical="center"/>
    </xf>
    <xf numFmtId="0" fontId="12" fillId="0" borderId="16" xfId="10" applyFont="1" applyFill="1" applyBorder="1" applyAlignment="1">
      <alignment vertical="center"/>
    </xf>
    <xf numFmtId="167" fontId="11" fillId="0" borderId="16" xfId="0" applyNumberFormat="1" applyFont="1" applyBorder="1" applyAlignment="1">
      <alignment horizontal="center" vertical="center"/>
    </xf>
    <xf numFmtId="0" fontId="12" fillId="7" borderId="15" xfId="10" applyNumberFormat="1" applyFont="1" applyFill="1" applyBorder="1" applyAlignment="1">
      <alignment horizontal="left" vertical="center"/>
    </xf>
    <xf numFmtId="0" fontId="11" fillId="0" borderId="28" xfId="0" applyFont="1" applyBorder="1" applyAlignment="1">
      <alignment vertical="top" wrapText="1"/>
    </xf>
    <xf numFmtId="0" fontId="11" fillId="0" borderId="54" xfId="10" applyFont="1" applyBorder="1" applyAlignment="1">
      <alignment horizontal="center" vertical="center"/>
    </xf>
    <xf numFmtId="0" fontId="6" fillId="6" borderId="54" xfId="0" applyFont="1" applyFill="1" applyBorder="1" applyAlignment="1">
      <alignment horizontal="center" vertical="center"/>
    </xf>
    <xf numFmtId="0" fontId="16" fillId="0" borderId="5" xfId="10" applyFont="1" applyFill="1" applyBorder="1" applyAlignment="1">
      <alignment horizontal="left" vertical="center" wrapText="1"/>
    </xf>
    <xf numFmtId="0" fontId="12" fillId="0" borderId="54" xfId="10" applyFont="1" applyBorder="1" applyAlignment="1">
      <alignment vertical="center"/>
    </xf>
    <xf numFmtId="0" fontId="48" fillId="0" borderId="54" xfId="0" applyFont="1" applyBorder="1" applyAlignment="1">
      <alignment vertical="top" wrapText="1"/>
    </xf>
    <xf numFmtId="0" fontId="32" fillId="0" borderId="54" xfId="39" applyNumberFormat="1" applyFont="1" applyBorder="1" applyAlignment="1">
      <alignment horizontal="center" vertical="center" wrapText="1"/>
    </xf>
    <xf numFmtId="0" fontId="6" fillId="6" borderId="54" xfId="0" applyFont="1" applyFill="1" applyBorder="1" applyAlignment="1">
      <alignment horizontal="center" vertical="center" wrapText="1"/>
    </xf>
    <xf numFmtId="0" fontId="11" fillId="0" borderId="54" xfId="0" applyFont="1" applyBorder="1" applyAlignment="1">
      <alignment horizontal="center" vertical="center"/>
    </xf>
    <xf numFmtId="0" fontId="6" fillId="6" borderId="54" xfId="0" applyNumberFormat="1" applyFont="1" applyFill="1" applyBorder="1" applyAlignment="1">
      <alignment horizontal="center" vertical="center"/>
    </xf>
    <xf numFmtId="0" fontId="50" fillId="0" borderId="54" xfId="10" applyFont="1" applyBorder="1" applyAlignment="1">
      <alignment horizontal="left" vertical="center"/>
    </xf>
    <xf numFmtId="0" fontId="6" fillId="6" borderId="54" xfId="0" applyNumberFormat="1" applyFont="1" applyFill="1" applyBorder="1" applyAlignment="1">
      <alignment horizontal="left" vertical="center" wrapText="1"/>
    </xf>
    <xf numFmtId="0" fontId="16" fillId="0" borderId="54" xfId="10" applyFont="1" applyFill="1" applyBorder="1" applyAlignment="1">
      <alignment vertical="center"/>
    </xf>
    <xf numFmtId="0" fontId="12" fillId="0" borderId="43" xfId="10" applyFont="1" applyBorder="1" applyAlignment="1">
      <alignment horizontal="left" vertical="center" wrapText="1"/>
    </xf>
    <xf numFmtId="167" fontId="11" fillId="0" borderId="54" xfId="0" applyNumberFormat="1" applyFont="1" applyBorder="1" applyAlignment="1">
      <alignment horizontal="center" vertical="center"/>
    </xf>
    <xf numFmtId="0" fontId="12" fillId="0" borderId="5" xfId="10" applyFont="1" applyBorder="1" applyAlignment="1">
      <alignment vertical="center" wrapText="1"/>
    </xf>
    <xf numFmtId="0" fontId="11" fillId="0" borderId="54" xfId="0" applyFont="1" applyBorder="1" applyAlignment="1">
      <alignment vertical="top" wrapText="1"/>
    </xf>
    <xf numFmtId="0" fontId="11" fillId="0" borderId="54" xfId="0" applyFont="1" applyBorder="1" applyAlignment="1">
      <alignment vertical="center"/>
    </xf>
    <xf numFmtId="0" fontId="12" fillId="0" borderId="54" xfId="10" applyFont="1" applyFill="1" applyBorder="1" applyAlignment="1">
      <alignment horizontal="left" vertical="center" wrapText="1"/>
    </xf>
    <xf numFmtId="0" fontId="32" fillId="0" borderId="54" xfId="39" applyNumberFormat="1" applyFont="1" applyBorder="1" applyAlignment="1">
      <alignment horizontal="left" vertical="center" wrapText="1"/>
    </xf>
    <xf numFmtId="167" fontId="11" fillId="0" borderId="54" xfId="41" applyNumberFormat="1" applyFont="1" applyBorder="1" applyAlignment="1">
      <alignment horizontal="center" vertical="center"/>
    </xf>
    <xf numFmtId="0" fontId="11" fillId="0" borderId="54" xfId="0" applyFont="1" applyBorder="1">
      <alignment vertical="center"/>
    </xf>
    <xf numFmtId="0" fontId="16" fillId="7" borderId="54" xfId="10" applyFont="1" applyFill="1" applyBorder="1" applyAlignment="1">
      <alignment vertical="center"/>
    </xf>
    <xf numFmtId="0" fontId="130" fillId="0" borderId="54" xfId="0" applyFont="1" applyBorder="1" applyAlignment="1">
      <alignment horizontal="center" vertical="center"/>
    </xf>
    <xf numFmtId="0" fontId="0" fillId="0" borderId="54" xfId="0" applyBorder="1">
      <alignment vertical="center"/>
    </xf>
    <xf numFmtId="0" fontId="3" fillId="0" borderId="54" xfId="10" applyFont="1" applyBorder="1" applyAlignment="1">
      <alignment vertical="top" wrapText="1"/>
    </xf>
    <xf numFmtId="0" fontId="16" fillId="7" borderId="54" xfId="10" applyFont="1" applyFill="1" applyBorder="1" applyAlignment="1">
      <alignment horizontal="center" vertical="center"/>
    </xf>
    <xf numFmtId="0" fontId="32" fillId="0" borderId="54" xfId="39" applyNumberFormat="1" applyFont="1" applyBorder="1" applyAlignment="1">
      <alignment vertical="center" wrapText="1"/>
    </xf>
    <xf numFmtId="0" fontId="11" fillId="0" borderId="54" xfId="0" applyFont="1" applyFill="1" applyBorder="1">
      <alignment vertical="center"/>
    </xf>
    <xf numFmtId="0" fontId="11" fillId="0" borderId="54" xfId="10" applyFont="1" applyBorder="1" applyAlignment="1">
      <alignment vertical="center"/>
    </xf>
    <xf numFmtId="0" fontId="12" fillId="0" borderId="54" xfId="10" applyFont="1" applyBorder="1" applyAlignment="1">
      <alignment horizontal="left" vertical="center"/>
    </xf>
    <xf numFmtId="0" fontId="32" fillId="0" borderId="54" xfId="39" applyNumberFormat="1" applyFont="1" applyBorder="1" applyAlignment="1">
      <alignment horizontal="center" vertical="center"/>
    </xf>
    <xf numFmtId="0" fontId="11" fillId="0" borderId="54" xfId="0" applyFont="1" applyBorder="1" applyAlignment="1">
      <alignment horizontal="left" vertical="top" wrapText="1"/>
    </xf>
    <xf numFmtId="0" fontId="62" fillId="0" borderId="54" xfId="0" applyFont="1" applyBorder="1" applyAlignment="1">
      <alignment vertical="top"/>
    </xf>
    <xf numFmtId="0" fontId="12" fillId="0" borderId="54" xfId="10" applyFont="1" applyFill="1" applyBorder="1" applyAlignment="1">
      <alignment vertical="center"/>
    </xf>
    <xf numFmtId="0" fontId="13" fillId="0" borderId="5" xfId="10" applyFont="1" applyBorder="1" applyAlignment="1">
      <alignment vertical="center" wrapText="1"/>
    </xf>
    <xf numFmtId="0" fontId="12" fillId="0" borderId="43" xfId="10" applyFont="1" applyFill="1" applyBorder="1" applyAlignment="1">
      <alignment horizontal="left" vertical="center" wrapText="1"/>
    </xf>
    <xf numFmtId="0" fontId="0" fillId="0" borderId="54" xfId="0" applyBorder="1" applyAlignment="1">
      <alignment horizontal="center" vertical="center"/>
    </xf>
    <xf numFmtId="0" fontId="0" fillId="0" borderId="0" xfId="0">
      <alignment vertical="center"/>
    </xf>
    <xf numFmtId="0" fontId="12" fillId="0" borderId="5" xfId="10" applyFont="1" applyBorder="1" applyAlignment="1">
      <alignment horizontal="left" vertical="center" wrapText="1"/>
    </xf>
    <xf numFmtId="0" fontId="12" fillId="0" borderId="5" xfId="10" applyFont="1" applyBorder="1" applyAlignment="1">
      <alignment vertical="center"/>
    </xf>
    <xf numFmtId="0" fontId="32" fillId="0" borderId="28" xfId="39" applyNumberFormat="1" applyFont="1" applyBorder="1" applyAlignment="1">
      <alignment horizontal="center" vertical="center"/>
    </xf>
    <xf numFmtId="0" fontId="4" fillId="0" borderId="28" xfId="39" applyNumberFormat="1" applyFont="1" applyBorder="1" applyAlignment="1">
      <alignment horizontal="center" vertical="center"/>
    </xf>
    <xf numFmtId="0" fontId="12" fillId="0" borderId="54" xfId="10" applyFont="1" applyBorder="1" applyAlignment="1">
      <alignment horizontal="left" vertical="center" wrapText="1"/>
    </xf>
    <xf numFmtId="0" fontId="62" fillId="0" borderId="54" xfId="0" applyFont="1" applyFill="1" applyBorder="1" applyAlignment="1">
      <alignment vertical="top"/>
    </xf>
    <xf numFmtId="0" fontId="12" fillId="7" borderId="54" xfId="10" applyFont="1" applyFill="1" applyBorder="1" applyAlignment="1">
      <alignment vertical="center"/>
    </xf>
    <xf numFmtId="0" fontId="12" fillId="7" borderId="54" xfId="10" applyFont="1" applyFill="1" applyBorder="1" applyAlignment="1">
      <alignment horizontal="center" vertical="center"/>
    </xf>
    <xf numFmtId="0" fontId="11" fillId="0" borderId="54" xfId="0" applyFont="1" applyFill="1" applyBorder="1" applyAlignment="1">
      <alignment vertical="top" wrapText="1"/>
    </xf>
    <xf numFmtId="0" fontId="11" fillId="0" borderId="54" xfId="10" applyFont="1" applyFill="1" applyBorder="1" applyAlignment="1">
      <alignment vertical="top" wrapText="1"/>
    </xf>
    <xf numFmtId="167" fontId="11" fillId="0" borderId="54" xfId="41" applyNumberFormat="1" applyFont="1" applyFill="1" applyBorder="1" applyAlignment="1">
      <alignment horizontal="center" vertical="center"/>
    </xf>
    <xf numFmtId="0" fontId="11" fillId="0" borderId="54" xfId="41" applyFont="1" applyBorder="1">
      <alignment vertical="center"/>
    </xf>
    <xf numFmtId="0" fontId="11" fillId="0" borderId="54" xfId="41" applyFont="1" applyBorder="1" applyAlignment="1">
      <alignment horizontal="left" vertical="top" wrapText="1"/>
    </xf>
    <xf numFmtId="0" fontId="11" fillId="0" borderId="54" xfId="41" applyFont="1" applyFill="1" applyBorder="1" applyAlignment="1">
      <alignment horizontal="left" vertical="top" wrapText="1"/>
    </xf>
    <xf numFmtId="0" fontId="11" fillId="0" borderId="54" xfId="41" applyFont="1" applyBorder="1" applyAlignment="1">
      <alignment vertical="top" wrapText="1"/>
    </xf>
    <xf numFmtId="0" fontId="11" fillId="0" borderId="54" xfId="41" applyFont="1" applyBorder="1" applyAlignment="1">
      <alignment horizontal="center" vertical="center"/>
    </xf>
    <xf numFmtId="0" fontId="11" fillId="2" borderId="54" xfId="41" applyFont="1" applyFill="1" applyBorder="1" applyAlignment="1">
      <alignment horizontal="left" vertical="top" wrapText="1"/>
    </xf>
    <xf numFmtId="0" fontId="11" fillId="0" borderId="54" xfId="10" applyFont="1" applyBorder="1" applyAlignment="1">
      <alignment horizontal="left" vertical="top" wrapText="1"/>
    </xf>
    <xf numFmtId="0" fontId="12" fillId="7" borderId="54" xfId="10" applyFont="1" applyFill="1" applyBorder="1" applyAlignment="1">
      <alignment horizontal="left" vertical="center"/>
    </xf>
    <xf numFmtId="0" fontId="12" fillId="7" borderId="54" xfId="10" applyFont="1" applyFill="1" applyBorder="1" applyAlignment="1">
      <alignment horizontal="left" vertical="top"/>
    </xf>
    <xf numFmtId="0" fontId="11" fillId="0" borderId="54" xfId="10" applyFont="1" applyBorder="1"/>
    <xf numFmtId="0" fontId="50" fillId="0" borderId="54" xfId="10" applyFont="1" applyBorder="1" applyAlignment="1">
      <alignment horizontal="center" vertical="center"/>
    </xf>
    <xf numFmtId="0" fontId="11" fillId="0" borderId="54" xfId="41" applyFont="1" applyBorder="1" applyAlignment="1">
      <alignment horizontal="left" vertical="top" wrapText="1"/>
    </xf>
    <xf numFmtId="0" fontId="11" fillId="0" borderId="54" xfId="41" applyFont="1" applyFill="1" applyBorder="1" applyAlignment="1">
      <alignment horizontal="left" vertical="top" wrapText="1"/>
    </xf>
    <xf numFmtId="0" fontId="11" fillId="0" borderId="54" xfId="41" applyFont="1" applyBorder="1" applyAlignment="1">
      <alignment horizontal="center" vertical="center"/>
    </xf>
    <xf numFmtId="0" fontId="11" fillId="0" borderId="54" xfId="10" applyFont="1" applyBorder="1" applyAlignment="1">
      <alignment horizontal="center" vertical="center"/>
    </xf>
    <xf numFmtId="0" fontId="11" fillId="0" borderId="54" xfId="0" applyFont="1" applyFill="1" applyBorder="1" applyAlignment="1">
      <alignment horizontal="left" vertical="top" wrapText="1"/>
    </xf>
    <xf numFmtId="0" fontId="3" fillId="0" borderId="54" xfId="10" applyFont="1" applyFill="1" applyBorder="1" applyAlignment="1">
      <alignment horizontal="left" vertical="top" wrapText="1"/>
    </xf>
    <xf numFmtId="0" fontId="11" fillId="0" borderId="54" xfId="0" applyFont="1" applyBorder="1" applyAlignment="1">
      <alignment horizontal="left" vertical="top" wrapText="1"/>
    </xf>
    <xf numFmtId="0" fontId="15" fillId="0" borderId="54" xfId="0" applyFont="1" applyBorder="1" applyAlignment="1">
      <alignment horizontal="left" vertical="top" wrapText="1"/>
    </xf>
    <xf numFmtId="0" fontId="3" fillId="0" borderId="24" xfId="10" applyFont="1" applyFill="1" applyBorder="1" applyAlignment="1">
      <alignment horizontal="left" vertical="top" wrapText="1"/>
    </xf>
    <xf numFmtId="0" fontId="3" fillId="0" borderId="25" xfId="10" applyFont="1" applyFill="1" applyBorder="1" applyAlignment="1">
      <alignment horizontal="left" vertical="top" wrapText="1"/>
    </xf>
    <xf numFmtId="0" fontId="11" fillId="0" borderId="16" xfId="0" applyFont="1" applyFill="1" applyBorder="1" applyAlignment="1">
      <alignment horizontal="left" vertical="top" wrapText="1"/>
    </xf>
    <xf numFmtId="0" fontId="11" fillId="0" borderId="12" xfId="0" applyFont="1" applyFill="1" applyBorder="1" applyAlignment="1">
      <alignment horizontal="left" vertical="top" wrapText="1"/>
    </xf>
    <xf numFmtId="0" fontId="11" fillId="0" borderId="18" xfId="0" applyFont="1" applyFill="1" applyBorder="1" applyAlignment="1">
      <alignment horizontal="left" vertical="top" wrapText="1"/>
    </xf>
    <xf numFmtId="0" fontId="11" fillId="0" borderId="27" xfId="0" applyFont="1" applyFill="1" applyBorder="1" applyAlignment="1">
      <alignment horizontal="left" vertical="top" wrapText="1"/>
    </xf>
    <xf numFmtId="0" fontId="3" fillId="0" borderId="17" xfId="10" applyFont="1" applyFill="1" applyBorder="1" applyAlignment="1">
      <alignment horizontal="left" vertical="top" wrapText="1"/>
    </xf>
    <xf numFmtId="0" fontId="11" fillId="0" borderId="24" xfId="0" applyFont="1" applyFill="1" applyBorder="1" applyAlignment="1">
      <alignment horizontal="left" vertical="top" wrapText="1"/>
    </xf>
    <xf numFmtId="0" fontId="11" fillId="0" borderId="26" xfId="41" applyFont="1" applyFill="1" applyBorder="1" applyAlignment="1">
      <alignment horizontal="left" vertical="top" wrapText="1"/>
    </xf>
    <xf numFmtId="0" fontId="11" fillId="0" borderId="33" xfId="41" applyFont="1" applyFill="1" applyBorder="1" applyAlignment="1">
      <alignment horizontal="left" vertical="top" wrapText="1"/>
    </xf>
    <xf numFmtId="0" fontId="11" fillId="0" borderId="19" xfId="41" applyFont="1" applyFill="1" applyBorder="1" applyAlignment="1">
      <alignment horizontal="left" vertical="top" wrapText="1"/>
    </xf>
    <xf numFmtId="0" fontId="11" fillId="0" borderId="27" xfId="41" applyFont="1" applyFill="1" applyBorder="1" applyAlignment="1">
      <alignment horizontal="left" vertical="top" wrapText="1"/>
    </xf>
    <xf numFmtId="0" fontId="63" fillId="0" borderId="35" xfId="0" applyFont="1" applyBorder="1" applyAlignment="1">
      <alignment horizontal="center" vertical="center"/>
    </xf>
    <xf numFmtId="0" fontId="63" fillId="0" borderId="38" xfId="0" applyFont="1" applyBorder="1" applyAlignment="1">
      <alignment horizontal="center" vertical="center"/>
    </xf>
    <xf numFmtId="0" fontId="63" fillId="0" borderId="40" xfId="0" applyFont="1" applyBorder="1" applyAlignment="1">
      <alignment horizontal="center" vertical="center"/>
    </xf>
    <xf numFmtId="0" fontId="89" fillId="0" borderId="36" xfId="0" applyFont="1" applyBorder="1" applyAlignment="1">
      <alignment horizontal="center" vertical="center" wrapText="1"/>
    </xf>
    <xf numFmtId="0" fontId="89" fillId="0" borderId="39" xfId="0" applyFont="1" applyBorder="1" applyAlignment="1">
      <alignment horizontal="center" vertical="center" wrapText="1"/>
    </xf>
    <xf numFmtId="0" fontId="89" fillId="0" borderId="41" xfId="0" applyFont="1" applyBorder="1" applyAlignment="1">
      <alignment horizontal="center" vertical="center" wrapText="1"/>
    </xf>
    <xf numFmtId="0" fontId="63" fillId="0" borderId="37" xfId="0" applyFont="1" applyBorder="1" applyAlignment="1">
      <alignment horizontal="center" vertical="center" wrapText="1"/>
    </xf>
    <xf numFmtId="0" fontId="63" fillId="0" borderId="0" xfId="0" applyFont="1" applyAlignment="1">
      <alignment horizontal="center" vertical="center" wrapText="1"/>
    </xf>
    <xf numFmtId="0" fontId="63" fillId="0" borderId="42" xfId="0" applyFont="1" applyBorder="1" applyAlignment="1">
      <alignment horizontal="center" vertical="center" wrapText="1"/>
    </xf>
    <xf numFmtId="0" fontId="63" fillId="2" borderId="35" xfId="0" applyFont="1" applyFill="1" applyBorder="1" applyAlignment="1">
      <alignment horizontal="center" vertical="center"/>
    </xf>
    <xf numFmtId="0" fontId="63" fillId="2" borderId="38" xfId="0" applyFont="1" applyFill="1" applyBorder="1" applyAlignment="1">
      <alignment horizontal="center" vertical="center"/>
    </xf>
    <xf numFmtId="0" fontId="63" fillId="2" borderId="40" xfId="0" applyFont="1" applyFill="1" applyBorder="1" applyAlignment="1">
      <alignment horizontal="center" vertical="center"/>
    </xf>
    <xf numFmtId="0" fontId="89" fillId="0" borderId="35" xfId="0" applyFont="1" applyBorder="1" applyAlignment="1">
      <alignment horizontal="center" vertical="center"/>
    </xf>
    <xf numFmtId="0" fontId="89" fillId="0" borderId="38" xfId="0" applyFont="1" applyBorder="1" applyAlignment="1">
      <alignment horizontal="center" vertical="center"/>
    </xf>
    <xf numFmtId="0" fontId="89" fillId="0" borderId="40" xfId="0" applyFont="1" applyBorder="1" applyAlignment="1">
      <alignment horizontal="center" vertical="center"/>
    </xf>
    <xf numFmtId="0" fontId="90" fillId="0" borderId="37" xfId="0" applyFont="1" applyBorder="1" applyAlignment="1">
      <alignment horizontal="center" vertical="center" wrapText="1"/>
    </xf>
    <xf numFmtId="0" fontId="90" fillId="0" borderId="0" xfId="0" applyFont="1" applyAlignment="1">
      <alignment horizontal="center" vertical="center" wrapText="1"/>
    </xf>
    <xf numFmtId="0" fontId="90" fillId="0" borderId="42" xfId="0" applyFont="1" applyBorder="1" applyAlignment="1">
      <alignment horizontal="center" vertical="center" wrapText="1"/>
    </xf>
    <xf numFmtId="0" fontId="63" fillId="0" borderId="28" xfId="0" applyFont="1" applyBorder="1" applyAlignment="1">
      <alignment horizontal="center" vertical="center"/>
    </xf>
    <xf numFmtId="0" fontId="63" fillId="0" borderId="28" xfId="0" applyFont="1" applyBorder="1" applyAlignment="1">
      <alignment horizontal="center" vertical="center" wrapText="1"/>
    </xf>
    <xf numFmtId="0" fontId="63" fillId="2" borderId="28" xfId="0" applyFont="1" applyFill="1" applyBorder="1" applyAlignment="1">
      <alignment horizontal="center" vertical="center"/>
    </xf>
    <xf numFmtId="0" fontId="63" fillId="0" borderId="39" xfId="0" applyFont="1" applyBorder="1" applyAlignment="1">
      <alignment horizontal="center" vertical="center" wrapText="1"/>
    </xf>
    <xf numFmtId="0" fontId="31" fillId="0" borderId="16" xfId="0" applyFont="1" applyBorder="1" applyAlignment="1">
      <alignment horizontal="center" vertical="center"/>
    </xf>
    <xf numFmtId="0" fontId="31" fillId="0" borderId="17" xfId="0" applyFont="1" applyBorder="1" applyAlignment="1">
      <alignment horizontal="center" vertical="center"/>
    </xf>
    <xf numFmtId="0" fontId="31" fillId="0" borderId="12" xfId="0" applyFont="1" applyBorder="1" applyAlignment="1">
      <alignment horizontal="center" vertical="center"/>
    </xf>
    <xf numFmtId="0" fontId="95" fillId="0" borderId="52" xfId="0" applyFont="1" applyBorder="1" applyAlignment="1">
      <alignment horizontal="left" vertical="top"/>
    </xf>
    <xf numFmtId="49" fontId="40" fillId="0" borderId="11" xfId="0" applyNumberFormat="1" applyFont="1" applyBorder="1" applyAlignment="1">
      <alignment horizontal="center" vertical="center"/>
    </xf>
    <xf numFmtId="49" fontId="40" fillId="0" borderId="6" xfId="0" applyNumberFormat="1" applyFont="1" applyBorder="1" applyAlignment="1">
      <alignment horizontal="center" vertical="center"/>
    </xf>
    <xf numFmtId="49" fontId="40" fillId="0" borderId="15" xfId="0" applyNumberFormat="1" applyFont="1" applyBorder="1" applyAlignment="1">
      <alignment horizontal="center" vertical="center"/>
    </xf>
    <xf numFmtId="49" fontId="40" fillId="0" borderId="5" xfId="0" applyNumberFormat="1" applyFont="1" applyBorder="1" applyAlignment="1">
      <alignment horizontal="center" vertical="center"/>
    </xf>
  </cellXfs>
  <cellStyles count="53">
    <cellStyle name="0,0_x000d__x000a_NA_x000d__x000a_" xfId="6"/>
    <cellStyle name="Normal 2" xfId="41"/>
    <cellStyle name="Normal 3" xfId="40"/>
    <cellStyle name="Normal 3 2" xfId="52"/>
    <cellStyle name="Normal 4" xfId="48"/>
    <cellStyle name="Percent 2" xfId="43"/>
    <cellStyle name="Гиперссылка" xfId="3" builtinId="8"/>
    <cellStyle name="Обычный" xfId="0" builtinId="0"/>
    <cellStyle name="Обычный 10" xfId="51"/>
    <cellStyle name="Процентный" xfId="39" builtinId="5"/>
    <cellStyle name="千位分隔 2" xfId="34"/>
    <cellStyle name="千位分隔 2 2" xfId="35"/>
    <cellStyle name="千位分隔 2 2 2" xfId="36"/>
    <cellStyle name="千位分隔 2 3" xfId="37"/>
    <cellStyle name="常规 10 2" xfId="14"/>
    <cellStyle name="常规 12" xfId="5"/>
    <cellStyle name="常规 12 2" xfId="42"/>
    <cellStyle name="常规 2" xfId="15"/>
    <cellStyle name="常规 2 10" xfId="13"/>
    <cellStyle name="常规 2 2" xfId="10"/>
    <cellStyle name="常规 2 2 5" xfId="9"/>
    <cellStyle name="常规 2 2 6" xfId="8"/>
    <cellStyle name="常规 2 3" xfId="47"/>
    <cellStyle name="常规 3" xfId="16"/>
    <cellStyle name="常规 3 10" xfId="2"/>
    <cellStyle name="常规 3 11" xfId="7"/>
    <cellStyle name="常规 3 12" xfId="11"/>
    <cellStyle name="常规 3 13" xfId="12"/>
    <cellStyle name="常规 3 14" xfId="1"/>
    <cellStyle name="常规 3 15" xfId="18"/>
    <cellStyle name="常规 3 16" xfId="20"/>
    <cellStyle name="常规 3 17" xfId="21"/>
    <cellStyle name="常规 3 18" xfId="22"/>
    <cellStyle name="常规 3 19" xfId="23"/>
    <cellStyle name="常规 3 2" xfId="24"/>
    <cellStyle name="常规 3 20" xfId="17"/>
    <cellStyle name="常规 3 21" xfId="19"/>
    <cellStyle name="常规 3 22" xfId="50"/>
    <cellStyle name="常规 3 3" xfId="25"/>
    <cellStyle name="常规 3 4" xfId="26"/>
    <cellStyle name="常规 3 5" xfId="27"/>
    <cellStyle name="常规 3 6" xfId="28"/>
    <cellStyle name="常规 3 7" xfId="29"/>
    <cellStyle name="常规 3 8" xfId="30"/>
    <cellStyle name="常规 3 9" xfId="31"/>
    <cellStyle name="常规 4" xfId="32"/>
    <cellStyle name="常规 4 2 2 4" xfId="44"/>
    <cellStyle name="常规 5 2 2 2" xfId="49"/>
    <cellStyle name="常规 5 3 2" xfId="46"/>
    <cellStyle name="常规 6" xfId="45"/>
    <cellStyle name="样式 1" xfId="38"/>
    <cellStyle name="百分比 2" xfId="4"/>
    <cellStyle name="货币 2" xfId="33"/>
  </cellStyles>
  <dxfs count="0"/>
  <tableStyles count="0" defaultTableStyle="TableStyleMedium9" defaultPivotStyle="PivotStyleLight16"/>
  <colors>
    <mruColors>
      <color rgb="FFEAEAEA"/>
      <color rgb="FFFF99FF"/>
      <color rgb="FFFF9999"/>
      <color rgb="FF0000FF"/>
      <color rgb="FFC00000"/>
    </mruColors>
  </color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13" Type="http://schemas.openxmlformats.org/officeDocument/2006/relationships/image" Target="../media/image13.jpeg"/><Relationship Id="rId18" Type="http://schemas.openxmlformats.org/officeDocument/2006/relationships/image" Target="../media/image18.png"/><Relationship Id="rId26" Type="http://schemas.openxmlformats.org/officeDocument/2006/relationships/image" Target="../media/image26.jpeg"/><Relationship Id="rId39" Type="http://schemas.openxmlformats.org/officeDocument/2006/relationships/image" Target="../media/image39.png"/><Relationship Id="rId3" Type="http://schemas.openxmlformats.org/officeDocument/2006/relationships/image" Target="../media/image3.jpeg"/><Relationship Id="rId21" Type="http://schemas.openxmlformats.org/officeDocument/2006/relationships/image" Target="../media/image21.jpeg"/><Relationship Id="rId34" Type="http://schemas.openxmlformats.org/officeDocument/2006/relationships/image" Target="../media/image34.png"/><Relationship Id="rId42" Type="http://schemas.openxmlformats.org/officeDocument/2006/relationships/image" Target="../media/image42.png"/><Relationship Id="rId47" Type="http://schemas.openxmlformats.org/officeDocument/2006/relationships/image" Target="../media/image47.jpeg"/><Relationship Id="rId50" Type="http://schemas.openxmlformats.org/officeDocument/2006/relationships/image" Target="../media/image50.png"/><Relationship Id="rId7" Type="http://schemas.openxmlformats.org/officeDocument/2006/relationships/image" Target="../media/image7.png"/><Relationship Id="rId12" Type="http://schemas.openxmlformats.org/officeDocument/2006/relationships/image" Target="../media/image12.png"/><Relationship Id="rId17" Type="http://schemas.openxmlformats.org/officeDocument/2006/relationships/image" Target="../media/image17.png"/><Relationship Id="rId25" Type="http://schemas.openxmlformats.org/officeDocument/2006/relationships/image" Target="../media/image25.png"/><Relationship Id="rId33" Type="http://schemas.openxmlformats.org/officeDocument/2006/relationships/image" Target="../media/image33.png"/><Relationship Id="rId38" Type="http://schemas.openxmlformats.org/officeDocument/2006/relationships/image" Target="../media/image38.jpeg"/><Relationship Id="rId46" Type="http://schemas.openxmlformats.org/officeDocument/2006/relationships/image" Target="../media/image46.gif"/><Relationship Id="rId2" Type="http://schemas.openxmlformats.org/officeDocument/2006/relationships/image" Target="../media/image2.jpeg"/><Relationship Id="rId16" Type="http://schemas.openxmlformats.org/officeDocument/2006/relationships/image" Target="../media/image16.png"/><Relationship Id="rId20" Type="http://schemas.openxmlformats.org/officeDocument/2006/relationships/image" Target="../media/image20.png"/><Relationship Id="rId29" Type="http://schemas.openxmlformats.org/officeDocument/2006/relationships/image" Target="../media/image29.png"/><Relationship Id="rId41" Type="http://schemas.openxmlformats.org/officeDocument/2006/relationships/image" Target="../media/image41.png"/><Relationship Id="rId1" Type="http://schemas.openxmlformats.org/officeDocument/2006/relationships/image" Target="../media/image1.jpeg"/><Relationship Id="rId6" Type="http://schemas.openxmlformats.org/officeDocument/2006/relationships/image" Target="../media/image6.png"/><Relationship Id="rId11" Type="http://schemas.openxmlformats.org/officeDocument/2006/relationships/image" Target="../media/image11.png"/><Relationship Id="rId24" Type="http://schemas.openxmlformats.org/officeDocument/2006/relationships/image" Target="../media/image24.jpeg"/><Relationship Id="rId32" Type="http://schemas.openxmlformats.org/officeDocument/2006/relationships/image" Target="../media/image32.png"/><Relationship Id="rId37" Type="http://schemas.openxmlformats.org/officeDocument/2006/relationships/image" Target="../media/image37.png"/><Relationship Id="rId40" Type="http://schemas.openxmlformats.org/officeDocument/2006/relationships/image" Target="../media/image40.png"/><Relationship Id="rId45" Type="http://schemas.openxmlformats.org/officeDocument/2006/relationships/image" Target="../media/image45.gif"/><Relationship Id="rId5" Type="http://schemas.openxmlformats.org/officeDocument/2006/relationships/image" Target="../media/image5.png"/><Relationship Id="rId15" Type="http://schemas.openxmlformats.org/officeDocument/2006/relationships/image" Target="../media/image15.jpeg"/><Relationship Id="rId23" Type="http://schemas.openxmlformats.org/officeDocument/2006/relationships/image" Target="../media/image23.jpeg"/><Relationship Id="rId28" Type="http://schemas.openxmlformats.org/officeDocument/2006/relationships/image" Target="../media/image28.png"/><Relationship Id="rId36" Type="http://schemas.openxmlformats.org/officeDocument/2006/relationships/image" Target="../media/image36.png"/><Relationship Id="rId49" Type="http://schemas.openxmlformats.org/officeDocument/2006/relationships/image" Target="../media/image49.png"/><Relationship Id="rId10" Type="http://schemas.openxmlformats.org/officeDocument/2006/relationships/image" Target="../media/image10.png"/><Relationship Id="rId19" Type="http://schemas.openxmlformats.org/officeDocument/2006/relationships/image" Target="../media/image19.png"/><Relationship Id="rId31" Type="http://schemas.openxmlformats.org/officeDocument/2006/relationships/image" Target="../media/image31.png"/><Relationship Id="rId44" Type="http://schemas.openxmlformats.org/officeDocument/2006/relationships/image" Target="../media/image44.png"/><Relationship Id="rId52" Type="http://schemas.openxmlformats.org/officeDocument/2006/relationships/image" Target="../media/image52.png"/><Relationship Id="rId4" Type="http://schemas.openxmlformats.org/officeDocument/2006/relationships/image" Target="../media/image4.png"/><Relationship Id="rId9" Type="http://schemas.openxmlformats.org/officeDocument/2006/relationships/image" Target="../media/image9.png"/><Relationship Id="rId14" Type="http://schemas.openxmlformats.org/officeDocument/2006/relationships/image" Target="../media/image14.jpeg"/><Relationship Id="rId22" Type="http://schemas.openxmlformats.org/officeDocument/2006/relationships/image" Target="../media/image22.png"/><Relationship Id="rId27" Type="http://schemas.openxmlformats.org/officeDocument/2006/relationships/image" Target="../media/image27.png"/><Relationship Id="rId30" Type="http://schemas.openxmlformats.org/officeDocument/2006/relationships/image" Target="../media/image30.png"/><Relationship Id="rId35" Type="http://schemas.openxmlformats.org/officeDocument/2006/relationships/image" Target="../media/image35.png"/><Relationship Id="rId43" Type="http://schemas.openxmlformats.org/officeDocument/2006/relationships/image" Target="../media/image43.png"/><Relationship Id="rId48" Type="http://schemas.openxmlformats.org/officeDocument/2006/relationships/image" Target="../media/image48.jpeg"/><Relationship Id="rId8" Type="http://schemas.openxmlformats.org/officeDocument/2006/relationships/image" Target="../media/image8.png"/><Relationship Id="rId51" Type="http://schemas.openxmlformats.org/officeDocument/2006/relationships/image" Target="../media/image51.png"/></Relationships>
</file>

<file path=xl/drawings/_rels/drawing10.xml.rels><?xml version="1.0" encoding="UTF-8" standalone="yes"?>
<Relationships xmlns="http://schemas.openxmlformats.org/package/2006/relationships"><Relationship Id="rId3" Type="http://schemas.openxmlformats.org/officeDocument/2006/relationships/image" Target="../media/image309.jpeg"/><Relationship Id="rId2" Type="http://schemas.openxmlformats.org/officeDocument/2006/relationships/image" Target="../media/image308.jpeg"/><Relationship Id="rId1" Type="http://schemas.openxmlformats.org/officeDocument/2006/relationships/image" Target="../media/image168.gif"/><Relationship Id="rId6" Type="http://schemas.openxmlformats.org/officeDocument/2006/relationships/image" Target="../media/image312.jpeg"/><Relationship Id="rId5" Type="http://schemas.openxmlformats.org/officeDocument/2006/relationships/image" Target="../media/image311.jpeg"/><Relationship Id="rId4" Type="http://schemas.openxmlformats.org/officeDocument/2006/relationships/image" Target="../media/image310.jpeg"/></Relationships>
</file>

<file path=xl/drawings/_rels/drawing11.xml.rels><?xml version="1.0" encoding="UTF-8" standalone="yes"?>
<Relationships xmlns="http://schemas.openxmlformats.org/package/2006/relationships"><Relationship Id="rId3" Type="http://schemas.openxmlformats.org/officeDocument/2006/relationships/image" Target="../media/image315.jpeg"/><Relationship Id="rId2" Type="http://schemas.openxmlformats.org/officeDocument/2006/relationships/image" Target="../media/image314.jpeg"/><Relationship Id="rId1" Type="http://schemas.openxmlformats.org/officeDocument/2006/relationships/image" Target="../media/image313.jpeg"/><Relationship Id="rId5" Type="http://schemas.openxmlformats.org/officeDocument/2006/relationships/image" Target="../media/image317.jpeg"/><Relationship Id="rId4" Type="http://schemas.openxmlformats.org/officeDocument/2006/relationships/image" Target="../media/image316.jpeg"/></Relationships>
</file>

<file path=xl/drawings/_rels/drawing2.xml.rels><?xml version="1.0" encoding="UTF-8" standalone="yes"?>
<Relationships xmlns="http://schemas.openxmlformats.org/package/2006/relationships"><Relationship Id="rId8" Type="http://schemas.microsoft.com/office/2007/relationships/hdphoto" Target="../media/hdphoto1.wdp"/><Relationship Id="rId13" Type="http://schemas.openxmlformats.org/officeDocument/2006/relationships/image" Target="../media/image59.png"/><Relationship Id="rId3" Type="http://schemas.openxmlformats.org/officeDocument/2006/relationships/image" Target="../media/image55.png"/><Relationship Id="rId7" Type="http://schemas.openxmlformats.org/officeDocument/2006/relationships/image" Target="../media/image58.png"/><Relationship Id="rId12" Type="http://schemas.openxmlformats.org/officeDocument/2006/relationships/image" Target="../media/image7.png"/><Relationship Id="rId2" Type="http://schemas.openxmlformats.org/officeDocument/2006/relationships/image" Target="../media/image54.png"/><Relationship Id="rId1" Type="http://schemas.openxmlformats.org/officeDocument/2006/relationships/image" Target="../media/image53.jpeg"/><Relationship Id="rId6" Type="http://schemas.openxmlformats.org/officeDocument/2006/relationships/image" Target="../media/image4.png"/><Relationship Id="rId11" Type="http://schemas.openxmlformats.org/officeDocument/2006/relationships/image" Target="../media/image6.png"/><Relationship Id="rId5" Type="http://schemas.openxmlformats.org/officeDocument/2006/relationships/image" Target="../media/image57.png"/><Relationship Id="rId15" Type="http://schemas.openxmlformats.org/officeDocument/2006/relationships/image" Target="../media/image12.png"/><Relationship Id="rId10" Type="http://schemas.openxmlformats.org/officeDocument/2006/relationships/image" Target="../media/image11.png"/><Relationship Id="rId4" Type="http://schemas.openxmlformats.org/officeDocument/2006/relationships/image" Target="../media/image56.png"/><Relationship Id="rId9" Type="http://schemas.openxmlformats.org/officeDocument/2006/relationships/image" Target="../media/image1.jpeg"/><Relationship Id="rId14" Type="http://schemas.openxmlformats.org/officeDocument/2006/relationships/image" Target="../media/image60.jpeg"/></Relationships>
</file>

<file path=xl/drawings/_rels/drawing3.xml.rels><?xml version="1.0" encoding="UTF-8" standalone="yes"?>
<Relationships xmlns="http://schemas.openxmlformats.org/package/2006/relationships"><Relationship Id="rId8" Type="http://schemas.openxmlformats.org/officeDocument/2006/relationships/image" Target="../media/image68.png"/><Relationship Id="rId13" Type="http://schemas.openxmlformats.org/officeDocument/2006/relationships/image" Target="../media/image73.png"/><Relationship Id="rId3" Type="http://schemas.openxmlformats.org/officeDocument/2006/relationships/image" Target="../media/image63.png"/><Relationship Id="rId7" Type="http://schemas.openxmlformats.org/officeDocument/2006/relationships/image" Target="../media/image67.png"/><Relationship Id="rId12" Type="http://schemas.openxmlformats.org/officeDocument/2006/relationships/image" Target="../media/image72.png"/><Relationship Id="rId2" Type="http://schemas.openxmlformats.org/officeDocument/2006/relationships/image" Target="../media/image62.png"/><Relationship Id="rId1" Type="http://schemas.openxmlformats.org/officeDocument/2006/relationships/image" Target="../media/image61.jpeg"/><Relationship Id="rId6" Type="http://schemas.openxmlformats.org/officeDocument/2006/relationships/image" Target="../media/image66.png"/><Relationship Id="rId11" Type="http://schemas.openxmlformats.org/officeDocument/2006/relationships/image" Target="../media/image71.png"/><Relationship Id="rId5" Type="http://schemas.openxmlformats.org/officeDocument/2006/relationships/image" Target="../media/image65.png"/><Relationship Id="rId10" Type="http://schemas.openxmlformats.org/officeDocument/2006/relationships/image" Target="../media/image70.png"/><Relationship Id="rId4" Type="http://schemas.openxmlformats.org/officeDocument/2006/relationships/image" Target="../media/image64.png"/><Relationship Id="rId9" Type="http://schemas.openxmlformats.org/officeDocument/2006/relationships/image" Target="../media/image69.png"/><Relationship Id="rId14" Type="http://schemas.openxmlformats.org/officeDocument/2006/relationships/image" Target="../media/image27.png"/></Relationships>
</file>

<file path=xl/drawings/_rels/drawing4.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image" Target="../media/image53.jpeg"/><Relationship Id="rId1" Type="http://schemas.openxmlformats.org/officeDocument/2006/relationships/image" Target="../media/image43.png"/><Relationship Id="rId6" Type="http://schemas.openxmlformats.org/officeDocument/2006/relationships/image" Target="../media/image77.png"/><Relationship Id="rId5" Type="http://schemas.openxmlformats.org/officeDocument/2006/relationships/image" Target="../media/image76.png"/><Relationship Id="rId4" Type="http://schemas.openxmlformats.org/officeDocument/2006/relationships/image" Target="../media/image75.png"/></Relationships>
</file>

<file path=xl/drawings/_rels/drawing5.xml.rels><?xml version="1.0" encoding="UTF-8" standalone="yes"?>
<Relationships xmlns="http://schemas.openxmlformats.org/package/2006/relationships"><Relationship Id="rId8" Type="http://schemas.openxmlformats.org/officeDocument/2006/relationships/image" Target="../media/image50.png"/><Relationship Id="rId13" Type="http://schemas.openxmlformats.org/officeDocument/2006/relationships/image" Target="../media/image85.png"/><Relationship Id="rId3" Type="http://schemas.openxmlformats.org/officeDocument/2006/relationships/image" Target="../media/image78.png"/><Relationship Id="rId7" Type="http://schemas.openxmlformats.org/officeDocument/2006/relationships/image" Target="../media/image80.png"/><Relationship Id="rId12" Type="http://schemas.openxmlformats.org/officeDocument/2006/relationships/image" Target="../media/image84.png"/><Relationship Id="rId2" Type="http://schemas.openxmlformats.org/officeDocument/2006/relationships/image" Target="../media/image48.jpeg"/><Relationship Id="rId1" Type="http://schemas.openxmlformats.org/officeDocument/2006/relationships/image" Target="../media/image53.jpeg"/><Relationship Id="rId6" Type="http://schemas.openxmlformats.org/officeDocument/2006/relationships/image" Target="../media/image47.jpeg"/><Relationship Id="rId11" Type="http://schemas.openxmlformats.org/officeDocument/2006/relationships/image" Target="../media/image83.png"/><Relationship Id="rId5" Type="http://schemas.openxmlformats.org/officeDocument/2006/relationships/image" Target="../media/image79.jpeg"/><Relationship Id="rId10" Type="http://schemas.openxmlformats.org/officeDocument/2006/relationships/image" Target="../media/image82.png"/><Relationship Id="rId4" Type="http://schemas.openxmlformats.org/officeDocument/2006/relationships/image" Target="../media/image44.png"/><Relationship Id="rId9" Type="http://schemas.openxmlformats.org/officeDocument/2006/relationships/image" Target="../media/image81.png"/></Relationships>
</file>

<file path=xl/drawings/_rels/drawing6.xml.rels><?xml version="1.0" encoding="UTF-8" standalone="yes"?>
<Relationships xmlns="http://schemas.openxmlformats.org/package/2006/relationships"><Relationship Id="rId3" Type="http://schemas.openxmlformats.org/officeDocument/2006/relationships/image" Target="../media/image86.jpeg"/><Relationship Id="rId2" Type="http://schemas.openxmlformats.org/officeDocument/2006/relationships/image" Target="../media/image61.jpeg"/><Relationship Id="rId1" Type="http://schemas.openxmlformats.org/officeDocument/2006/relationships/hyperlink" Target="http://sg.uniview.com/" TargetMode="External"/><Relationship Id="rId4" Type="http://schemas.openxmlformats.org/officeDocument/2006/relationships/image" Target="../media/image87.jpeg"/></Relationships>
</file>

<file path=xl/drawings/_rels/drawing7.xml.rels><?xml version="1.0" encoding="UTF-8" standalone="yes"?>
<Relationships xmlns="http://schemas.openxmlformats.org/package/2006/relationships"><Relationship Id="rId13" Type="http://schemas.openxmlformats.org/officeDocument/2006/relationships/image" Target="../media/image100.jpeg"/><Relationship Id="rId18" Type="http://schemas.openxmlformats.org/officeDocument/2006/relationships/image" Target="../media/image105.png"/><Relationship Id="rId26" Type="http://schemas.openxmlformats.org/officeDocument/2006/relationships/image" Target="../media/image113.png"/><Relationship Id="rId39" Type="http://schemas.openxmlformats.org/officeDocument/2006/relationships/image" Target="../media/image126.png"/><Relationship Id="rId21" Type="http://schemas.openxmlformats.org/officeDocument/2006/relationships/image" Target="../media/image108.jpeg"/><Relationship Id="rId34" Type="http://schemas.openxmlformats.org/officeDocument/2006/relationships/image" Target="../media/image121.png"/><Relationship Id="rId42" Type="http://schemas.openxmlformats.org/officeDocument/2006/relationships/image" Target="../media/image129.jpeg"/><Relationship Id="rId47" Type="http://schemas.openxmlformats.org/officeDocument/2006/relationships/image" Target="../media/image134.jpeg"/><Relationship Id="rId50" Type="http://schemas.openxmlformats.org/officeDocument/2006/relationships/image" Target="../media/image137.jpeg"/><Relationship Id="rId55" Type="http://schemas.openxmlformats.org/officeDocument/2006/relationships/image" Target="../media/image142.png"/><Relationship Id="rId63" Type="http://schemas.openxmlformats.org/officeDocument/2006/relationships/image" Target="../media/image150.jpeg"/><Relationship Id="rId68" Type="http://schemas.openxmlformats.org/officeDocument/2006/relationships/image" Target="../media/image155.jpeg"/><Relationship Id="rId76" Type="http://schemas.openxmlformats.org/officeDocument/2006/relationships/image" Target="../media/image163.jpeg"/><Relationship Id="rId7" Type="http://schemas.openxmlformats.org/officeDocument/2006/relationships/image" Target="../media/image94.jpeg"/><Relationship Id="rId71" Type="http://schemas.openxmlformats.org/officeDocument/2006/relationships/image" Target="../media/image158.jpeg"/><Relationship Id="rId2" Type="http://schemas.openxmlformats.org/officeDocument/2006/relationships/image" Target="../media/image89.png"/><Relationship Id="rId16" Type="http://schemas.openxmlformats.org/officeDocument/2006/relationships/image" Target="../media/image103.png"/><Relationship Id="rId29" Type="http://schemas.openxmlformats.org/officeDocument/2006/relationships/image" Target="../media/image116.png"/><Relationship Id="rId11" Type="http://schemas.openxmlformats.org/officeDocument/2006/relationships/image" Target="../media/image98.jpeg"/><Relationship Id="rId24" Type="http://schemas.openxmlformats.org/officeDocument/2006/relationships/image" Target="../media/image111.jpeg"/><Relationship Id="rId32" Type="http://schemas.openxmlformats.org/officeDocument/2006/relationships/image" Target="../media/image119.png"/><Relationship Id="rId37" Type="http://schemas.openxmlformats.org/officeDocument/2006/relationships/image" Target="../media/image124.jpeg"/><Relationship Id="rId40" Type="http://schemas.openxmlformats.org/officeDocument/2006/relationships/image" Target="../media/image127.png"/><Relationship Id="rId45" Type="http://schemas.openxmlformats.org/officeDocument/2006/relationships/image" Target="../media/image132.png"/><Relationship Id="rId53" Type="http://schemas.openxmlformats.org/officeDocument/2006/relationships/image" Target="../media/image140.jpeg"/><Relationship Id="rId58" Type="http://schemas.openxmlformats.org/officeDocument/2006/relationships/image" Target="../media/image145.jpeg"/><Relationship Id="rId66" Type="http://schemas.openxmlformats.org/officeDocument/2006/relationships/image" Target="../media/image153.png"/><Relationship Id="rId74" Type="http://schemas.openxmlformats.org/officeDocument/2006/relationships/image" Target="../media/image161.jpeg"/><Relationship Id="rId79" Type="http://schemas.openxmlformats.org/officeDocument/2006/relationships/image" Target="../media/image166.jpeg"/><Relationship Id="rId5" Type="http://schemas.openxmlformats.org/officeDocument/2006/relationships/image" Target="../media/image92.png"/><Relationship Id="rId61" Type="http://schemas.openxmlformats.org/officeDocument/2006/relationships/image" Target="../media/image148.png"/><Relationship Id="rId82" Type="http://schemas.openxmlformats.org/officeDocument/2006/relationships/image" Target="../media/image169.png"/><Relationship Id="rId10" Type="http://schemas.openxmlformats.org/officeDocument/2006/relationships/image" Target="../media/image97.jpeg"/><Relationship Id="rId19" Type="http://schemas.openxmlformats.org/officeDocument/2006/relationships/image" Target="../media/image106.png"/><Relationship Id="rId31" Type="http://schemas.openxmlformats.org/officeDocument/2006/relationships/image" Target="../media/image118.jpeg"/><Relationship Id="rId44" Type="http://schemas.openxmlformats.org/officeDocument/2006/relationships/image" Target="../media/image131.jpeg"/><Relationship Id="rId52" Type="http://schemas.openxmlformats.org/officeDocument/2006/relationships/image" Target="../media/image139.png"/><Relationship Id="rId60" Type="http://schemas.openxmlformats.org/officeDocument/2006/relationships/image" Target="../media/image147.png"/><Relationship Id="rId65" Type="http://schemas.openxmlformats.org/officeDocument/2006/relationships/image" Target="../media/image152.jpeg"/><Relationship Id="rId73" Type="http://schemas.openxmlformats.org/officeDocument/2006/relationships/image" Target="../media/image160.jpeg"/><Relationship Id="rId78" Type="http://schemas.openxmlformats.org/officeDocument/2006/relationships/image" Target="../media/image165.jpeg"/><Relationship Id="rId81" Type="http://schemas.openxmlformats.org/officeDocument/2006/relationships/image" Target="../media/image168.gif"/><Relationship Id="rId4" Type="http://schemas.openxmlformats.org/officeDocument/2006/relationships/image" Target="../media/image91.jpeg"/><Relationship Id="rId9" Type="http://schemas.openxmlformats.org/officeDocument/2006/relationships/image" Target="../media/image96.png"/><Relationship Id="rId14" Type="http://schemas.openxmlformats.org/officeDocument/2006/relationships/image" Target="../media/image101.jpeg"/><Relationship Id="rId22" Type="http://schemas.openxmlformats.org/officeDocument/2006/relationships/image" Target="../media/image109.jpeg"/><Relationship Id="rId27" Type="http://schemas.openxmlformats.org/officeDocument/2006/relationships/image" Target="../media/image114.png"/><Relationship Id="rId30" Type="http://schemas.openxmlformats.org/officeDocument/2006/relationships/image" Target="../media/image117.jpeg"/><Relationship Id="rId35" Type="http://schemas.openxmlformats.org/officeDocument/2006/relationships/image" Target="../media/image122.jpeg"/><Relationship Id="rId43" Type="http://schemas.openxmlformats.org/officeDocument/2006/relationships/image" Target="../media/image130.jpeg"/><Relationship Id="rId48" Type="http://schemas.openxmlformats.org/officeDocument/2006/relationships/image" Target="../media/image135.jpeg"/><Relationship Id="rId56" Type="http://schemas.openxmlformats.org/officeDocument/2006/relationships/image" Target="../media/image143.png"/><Relationship Id="rId64" Type="http://schemas.openxmlformats.org/officeDocument/2006/relationships/image" Target="../media/image151.jpeg"/><Relationship Id="rId69" Type="http://schemas.openxmlformats.org/officeDocument/2006/relationships/image" Target="../media/image156.jpeg"/><Relationship Id="rId77" Type="http://schemas.openxmlformats.org/officeDocument/2006/relationships/image" Target="../media/image164.jpeg"/><Relationship Id="rId8" Type="http://schemas.openxmlformats.org/officeDocument/2006/relationships/image" Target="../media/image95.jpeg"/><Relationship Id="rId51" Type="http://schemas.openxmlformats.org/officeDocument/2006/relationships/image" Target="../media/image138.jpeg"/><Relationship Id="rId72" Type="http://schemas.openxmlformats.org/officeDocument/2006/relationships/image" Target="../media/image159.jpeg"/><Relationship Id="rId80" Type="http://schemas.openxmlformats.org/officeDocument/2006/relationships/image" Target="../media/image167.jpeg"/><Relationship Id="rId3" Type="http://schemas.openxmlformats.org/officeDocument/2006/relationships/image" Target="../media/image90.jpeg"/><Relationship Id="rId12" Type="http://schemas.openxmlformats.org/officeDocument/2006/relationships/image" Target="../media/image99.png"/><Relationship Id="rId17" Type="http://schemas.openxmlformats.org/officeDocument/2006/relationships/image" Target="../media/image104.png"/><Relationship Id="rId25" Type="http://schemas.openxmlformats.org/officeDocument/2006/relationships/image" Target="../media/image112.png"/><Relationship Id="rId33" Type="http://schemas.openxmlformats.org/officeDocument/2006/relationships/image" Target="../media/image120.png"/><Relationship Id="rId38" Type="http://schemas.openxmlformats.org/officeDocument/2006/relationships/image" Target="../media/image125.jpeg"/><Relationship Id="rId46" Type="http://schemas.openxmlformats.org/officeDocument/2006/relationships/image" Target="../media/image133.png"/><Relationship Id="rId59" Type="http://schemas.openxmlformats.org/officeDocument/2006/relationships/image" Target="../media/image146.png"/><Relationship Id="rId67" Type="http://schemas.openxmlformats.org/officeDocument/2006/relationships/image" Target="../media/image154.jpeg"/><Relationship Id="rId20" Type="http://schemas.openxmlformats.org/officeDocument/2006/relationships/image" Target="../media/image107.png"/><Relationship Id="rId41" Type="http://schemas.openxmlformats.org/officeDocument/2006/relationships/image" Target="../media/image128.png"/><Relationship Id="rId54" Type="http://schemas.openxmlformats.org/officeDocument/2006/relationships/image" Target="../media/image141.jpeg"/><Relationship Id="rId62" Type="http://schemas.openxmlformats.org/officeDocument/2006/relationships/image" Target="../media/image149.png"/><Relationship Id="rId70" Type="http://schemas.openxmlformats.org/officeDocument/2006/relationships/image" Target="../media/image157.png"/><Relationship Id="rId75" Type="http://schemas.openxmlformats.org/officeDocument/2006/relationships/image" Target="../media/image162.jpeg"/><Relationship Id="rId1" Type="http://schemas.openxmlformats.org/officeDocument/2006/relationships/image" Target="../media/image88.png"/><Relationship Id="rId6" Type="http://schemas.openxmlformats.org/officeDocument/2006/relationships/image" Target="../media/image93.jpeg"/><Relationship Id="rId15" Type="http://schemas.openxmlformats.org/officeDocument/2006/relationships/image" Target="../media/image102.png"/><Relationship Id="rId23" Type="http://schemas.openxmlformats.org/officeDocument/2006/relationships/image" Target="../media/image110.png"/><Relationship Id="rId28" Type="http://schemas.openxmlformats.org/officeDocument/2006/relationships/image" Target="../media/image115.png"/><Relationship Id="rId36" Type="http://schemas.openxmlformats.org/officeDocument/2006/relationships/image" Target="../media/image123.jpeg"/><Relationship Id="rId49" Type="http://schemas.openxmlformats.org/officeDocument/2006/relationships/image" Target="../media/image136.jpeg"/><Relationship Id="rId57" Type="http://schemas.openxmlformats.org/officeDocument/2006/relationships/image" Target="../media/image144.png"/></Relationships>
</file>

<file path=xl/drawings/_rels/drawing8.xml.rels><?xml version="1.0" encoding="UTF-8" standalone="yes"?>
<Relationships xmlns="http://schemas.openxmlformats.org/package/2006/relationships"><Relationship Id="rId26" Type="http://schemas.openxmlformats.org/officeDocument/2006/relationships/image" Target="../media/image195.jpeg"/><Relationship Id="rId117" Type="http://schemas.openxmlformats.org/officeDocument/2006/relationships/image" Target="../media/image286.png"/><Relationship Id="rId21" Type="http://schemas.openxmlformats.org/officeDocument/2006/relationships/image" Target="../media/image190.tiff"/><Relationship Id="rId42" Type="http://schemas.openxmlformats.org/officeDocument/2006/relationships/image" Target="../media/image211.jpeg"/><Relationship Id="rId47" Type="http://schemas.openxmlformats.org/officeDocument/2006/relationships/image" Target="../media/image216.jpeg"/><Relationship Id="rId63" Type="http://schemas.openxmlformats.org/officeDocument/2006/relationships/image" Target="../media/image232.png"/><Relationship Id="rId68" Type="http://schemas.openxmlformats.org/officeDocument/2006/relationships/image" Target="../media/image237.png"/><Relationship Id="rId84" Type="http://schemas.openxmlformats.org/officeDocument/2006/relationships/image" Target="../media/image253.png"/><Relationship Id="rId89" Type="http://schemas.openxmlformats.org/officeDocument/2006/relationships/image" Target="../media/image258.png"/><Relationship Id="rId112" Type="http://schemas.openxmlformats.org/officeDocument/2006/relationships/image" Target="../media/image281.jpeg"/><Relationship Id="rId16" Type="http://schemas.openxmlformats.org/officeDocument/2006/relationships/image" Target="../media/image185.jpeg"/><Relationship Id="rId107" Type="http://schemas.openxmlformats.org/officeDocument/2006/relationships/image" Target="../media/image276.png"/><Relationship Id="rId11" Type="http://schemas.openxmlformats.org/officeDocument/2006/relationships/image" Target="../media/image180.png"/><Relationship Id="rId24" Type="http://schemas.openxmlformats.org/officeDocument/2006/relationships/image" Target="../media/image193.png"/><Relationship Id="rId32" Type="http://schemas.openxmlformats.org/officeDocument/2006/relationships/image" Target="../media/image201.jpeg"/><Relationship Id="rId37" Type="http://schemas.openxmlformats.org/officeDocument/2006/relationships/image" Target="../media/image206.jpeg"/><Relationship Id="rId40" Type="http://schemas.openxmlformats.org/officeDocument/2006/relationships/image" Target="../media/image209.jpeg"/><Relationship Id="rId45" Type="http://schemas.openxmlformats.org/officeDocument/2006/relationships/image" Target="../media/image214.jpeg"/><Relationship Id="rId53" Type="http://schemas.openxmlformats.org/officeDocument/2006/relationships/image" Target="../media/image222.jpeg"/><Relationship Id="rId58" Type="http://schemas.openxmlformats.org/officeDocument/2006/relationships/image" Target="../media/image227.png"/><Relationship Id="rId66" Type="http://schemas.openxmlformats.org/officeDocument/2006/relationships/image" Target="../media/image235.jpeg"/><Relationship Id="rId74" Type="http://schemas.openxmlformats.org/officeDocument/2006/relationships/image" Target="../media/image243.png"/><Relationship Id="rId79" Type="http://schemas.openxmlformats.org/officeDocument/2006/relationships/image" Target="../media/image248.jpeg"/><Relationship Id="rId87" Type="http://schemas.openxmlformats.org/officeDocument/2006/relationships/image" Target="../media/image256.png"/><Relationship Id="rId102" Type="http://schemas.openxmlformats.org/officeDocument/2006/relationships/image" Target="../media/image271.png"/><Relationship Id="rId110" Type="http://schemas.openxmlformats.org/officeDocument/2006/relationships/image" Target="../media/image279.png"/><Relationship Id="rId115" Type="http://schemas.openxmlformats.org/officeDocument/2006/relationships/image" Target="../media/image284.png"/><Relationship Id="rId5" Type="http://schemas.openxmlformats.org/officeDocument/2006/relationships/image" Target="../media/image174.jpeg"/><Relationship Id="rId61" Type="http://schemas.openxmlformats.org/officeDocument/2006/relationships/image" Target="../media/image230.png"/><Relationship Id="rId82" Type="http://schemas.openxmlformats.org/officeDocument/2006/relationships/image" Target="../media/image251.png"/><Relationship Id="rId90" Type="http://schemas.openxmlformats.org/officeDocument/2006/relationships/image" Target="../media/image259.png"/><Relationship Id="rId95" Type="http://schemas.openxmlformats.org/officeDocument/2006/relationships/image" Target="../media/image264.png"/><Relationship Id="rId19" Type="http://schemas.openxmlformats.org/officeDocument/2006/relationships/image" Target="../media/image188.png"/><Relationship Id="rId14" Type="http://schemas.openxmlformats.org/officeDocument/2006/relationships/image" Target="../media/image183.png"/><Relationship Id="rId22" Type="http://schemas.openxmlformats.org/officeDocument/2006/relationships/image" Target="../media/image191.jpeg"/><Relationship Id="rId27" Type="http://schemas.openxmlformats.org/officeDocument/2006/relationships/image" Target="../media/image196.png"/><Relationship Id="rId30" Type="http://schemas.openxmlformats.org/officeDocument/2006/relationships/image" Target="../media/image199.jpeg"/><Relationship Id="rId35" Type="http://schemas.openxmlformats.org/officeDocument/2006/relationships/image" Target="../media/image204.jpeg"/><Relationship Id="rId43" Type="http://schemas.openxmlformats.org/officeDocument/2006/relationships/image" Target="../media/image212.jpeg"/><Relationship Id="rId48" Type="http://schemas.openxmlformats.org/officeDocument/2006/relationships/image" Target="../media/image217.jpeg"/><Relationship Id="rId56" Type="http://schemas.openxmlformats.org/officeDocument/2006/relationships/image" Target="../media/image225.jpeg"/><Relationship Id="rId64" Type="http://schemas.openxmlformats.org/officeDocument/2006/relationships/image" Target="../media/image233.png"/><Relationship Id="rId69" Type="http://schemas.openxmlformats.org/officeDocument/2006/relationships/image" Target="../media/image238.png"/><Relationship Id="rId77" Type="http://schemas.openxmlformats.org/officeDocument/2006/relationships/image" Target="../media/image246.png"/><Relationship Id="rId100" Type="http://schemas.openxmlformats.org/officeDocument/2006/relationships/image" Target="../media/image269.png"/><Relationship Id="rId105" Type="http://schemas.openxmlformats.org/officeDocument/2006/relationships/image" Target="../media/image274.png"/><Relationship Id="rId113" Type="http://schemas.openxmlformats.org/officeDocument/2006/relationships/image" Target="../media/image282.png"/><Relationship Id="rId8" Type="http://schemas.openxmlformats.org/officeDocument/2006/relationships/image" Target="../media/image177.jpeg"/><Relationship Id="rId51" Type="http://schemas.openxmlformats.org/officeDocument/2006/relationships/image" Target="../media/image220.jpeg"/><Relationship Id="rId72" Type="http://schemas.openxmlformats.org/officeDocument/2006/relationships/image" Target="../media/image241.png"/><Relationship Id="rId80" Type="http://schemas.openxmlformats.org/officeDocument/2006/relationships/image" Target="../media/image249.jpeg"/><Relationship Id="rId85" Type="http://schemas.openxmlformats.org/officeDocument/2006/relationships/image" Target="../media/image254.png"/><Relationship Id="rId93" Type="http://schemas.openxmlformats.org/officeDocument/2006/relationships/image" Target="../media/image262.png"/><Relationship Id="rId98" Type="http://schemas.openxmlformats.org/officeDocument/2006/relationships/image" Target="../media/image267.png"/><Relationship Id="rId3" Type="http://schemas.openxmlformats.org/officeDocument/2006/relationships/image" Target="../media/image172.jpeg"/><Relationship Id="rId12" Type="http://schemas.openxmlformats.org/officeDocument/2006/relationships/image" Target="../media/image181.png"/><Relationship Id="rId17" Type="http://schemas.openxmlformats.org/officeDocument/2006/relationships/image" Target="../media/image186.png"/><Relationship Id="rId25" Type="http://schemas.openxmlformats.org/officeDocument/2006/relationships/image" Target="../media/image194.png"/><Relationship Id="rId33" Type="http://schemas.openxmlformats.org/officeDocument/2006/relationships/image" Target="../media/image202.jpeg"/><Relationship Id="rId38" Type="http://schemas.openxmlformats.org/officeDocument/2006/relationships/image" Target="../media/image207.jpeg"/><Relationship Id="rId46" Type="http://schemas.openxmlformats.org/officeDocument/2006/relationships/image" Target="../media/image215.jpeg"/><Relationship Id="rId59" Type="http://schemas.openxmlformats.org/officeDocument/2006/relationships/image" Target="../media/image228.png"/><Relationship Id="rId67" Type="http://schemas.openxmlformats.org/officeDocument/2006/relationships/image" Target="../media/image236.png"/><Relationship Id="rId103" Type="http://schemas.openxmlformats.org/officeDocument/2006/relationships/image" Target="../media/image272.png"/><Relationship Id="rId108" Type="http://schemas.openxmlformats.org/officeDocument/2006/relationships/image" Target="../media/image277.png"/><Relationship Id="rId116" Type="http://schemas.openxmlformats.org/officeDocument/2006/relationships/image" Target="../media/image285.png"/><Relationship Id="rId20" Type="http://schemas.openxmlformats.org/officeDocument/2006/relationships/image" Target="../media/image189.png"/><Relationship Id="rId41" Type="http://schemas.openxmlformats.org/officeDocument/2006/relationships/image" Target="../media/image210.jpeg"/><Relationship Id="rId54" Type="http://schemas.openxmlformats.org/officeDocument/2006/relationships/image" Target="../media/image223.jpeg"/><Relationship Id="rId62" Type="http://schemas.openxmlformats.org/officeDocument/2006/relationships/image" Target="../media/image231.png"/><Relationship Id="rId70" Type="http://schemas.openxmlformats.org/officeDocument/2006/relationships/image" Target="../media/image239.png"/><Relationship Id="rId75" Type="http://schemas.openxmlformats.org/officeDocument/2006/relationships/image" Target="../media/image244.png"/><Relationship Id="rId83" Type="http://schemas.openxmlformats.org/officeDocument/2006/relationships/image" Target="../media/image252.jpeg"/><Relationship Id="rId88" Type="http://schemas.openxmlformats.org/officeDocument/2006/relationships/image" Target="../media/image257.png"/><Relationship Id="rId91" Type="http://schemas.openxmlformats.org/officeDocument/2006/relationships/image" Target="../media/image260.png"/><Relationship Id="rId96" Type="http://schemas.openxmlformats.org/officeDocument/2006/relationships/image" Target="../media/image265.png"/><Relationship Id="rId111" Type="http://schemas.openxmlformats.org/officeDocument/2006/relationships/image" Target="../media/image280.jpeg"/><Relationship Id="rId1" Type="http://schemas.openxmlformats.org/officeDocument/2006/relationships/image" Target="../media/image170.jpeg"/><Relationship Id="rId6" Type="http://schemas.openxmlformats.org/officeDocument/2006/relationships/image" Target="../media/image175.png"/><Relationship Id="rId15" Type="http://schemas.openxmlformats.org/officeDocument/2006/relationships/image" Target="../media/image184.jpeg"/><Relationship Id="rId23" Type="http://schemas.openxmlformats.org/officeDocument/2006/relationships/image" Target="../media/image192.png"/><Relationship Id="rId28" Type="http://schemas.openxmlformats.org/officeDocument/2006/relationships/image" Target="../media/image197.jpeg"/><Relationship Id="rId36" Type="http://schemas.openxmlformats.org/officeDocument/2006/relationships/image" Target="../media/image205.jpeg"/><Relationship Id="rId49" Type="http://schemas.openxmlformats.org/officeDocument/2006/relationships/image" Target="../media/image218.jpeg"/><Relationship Id="rId57" Type="http://schemas.openxmlformats.org/officeDocument/2006/relationships/image" Target="../media/image226.jpeg"/><Relationship Id="rId106" Type="http://schemas.openxmlformats.org/officeDocument/2006/relationships/image" Target="../media/image275.png"/><Relationship Id="rId114" Type="http://schemas.openxmlformats.org/officeDocument/2006/relationships/image" Target="../media/image283.png"/><Relationship Id="rId10" Type="http://schemas.openxmlformats.org/officeDocument/2006/relationships/image" Target="../media/image179.png"/><Relationship Id="rId31" Type="http://schemas.openxmlformats.org/officeDocument/2006/relationships/image" Target="../media/image200.jpeg"/><Relationship Id="rId44" Type="http://schemas.openxmlformats.org/officeDocument/2006/relationships/image" Target="../media/image213.jpeg"/><Relationship Id="rId52" Type="http://schemas.openxmlformats.org/officeDocument/2006/relationships/image" Target="../media/image221.jpeg"/><Relationship Id="rId60" Type="http://schemas.openxmlformats.org/officeDocument/2006/relationships/image" Target="../media/image229.jpeg"/><Relationship Id="rId65" Type="http://schemas.openxmlformats.org/officeDocument/2006/relationships/image" Target="../media/image234.png"/><Relationship Id="rId73" Type="http://schemas.openxmlformats.org/officeDocument/2006/relationships/image" Target="../media/image242.png"/><Relationship Id="rId78" Type="http://schemas.openxmlformats.org/officeDocument/2006/relationships/image" Target="../media/image247.jpeg"/><Relationship Id="rId81" Type="http://schemas.openxmlformats.org/officeDocument/2006/relationships/image" Target="../media/image250.png"/><Relationship Id="rId86" Type="http://schemas.openxmlformats.org/officeDocument/2006/relationships/image" Target="../media/image255.png"/><Relationship Id="rId94" Type="http://schemas.openxmlformats.org/officeDocument/2006/relationships/image" Target="../media/image263.png"/><Relationship Id="rId99" Type="http://schemas.openxmlformats.org/officeDocument/2006/relationships/image" Target="../media/image268.png"/><Relationship Id="rId101" Type="http://schemas.openxmlformats.org/officeDocument/2006/relationships/image" Target="../media/image270.png"/><Relationship Id="rId4" Type="http://schemas.openxmlformats.org/officeDocument/2006/relationships/image" Target="../media/image173.jpeg"/><Relationship Id="rId9" Type="http://schemas.openxmlformats.org/officeDocument/2006/relationships/image" Target="../media/image178.jpeg"/><Relationship Id="rId13" Type="http://schemas.openxmlformats.org/officeDocument/2006/relationships/image" Target="../media/image182.jpeg"/><Relationship Id="rId18" Type="http://schemas.openxmlformats.org/officeDocument/2006/relationships/image" Target="../media/image187.png"/><Relationship Id="rId39" Type="http://schemas.openxmlformats.org/officeDocument/2006/relationships/image" Target="../media/image208.jpeg"/><Relationship Id="rId109" Type="http://schemas.openxmlformats.org/officeDocument/2006/relationships/image" Target="../media/image278.png"/><Relationship Id="rId34" Type="http://schemas.openxmlformats.org/officeDocument/2006/relationships/image" Target="../media/image203.jpeg"/><Relationship Id="rId50" Type="http://schemas.openxmlformats.org/officeDocument/2006/relationships/image" Target="../media/image219.jpeg"/><Relationship Id="rId55" Type="http://schemas.openxmlformats.org/officeDocument/2006/relationships/image" Target="../media/image224.jpeg"/><Relationship Id="rId76" Type="http://schemas.openxmlformats.org/officeDocument/2006/relationships/image" Target="../media/image245.jpeg"/><Relationship Id="rId97" Type="http://schemas.openxmlformats.org/officeDocument/2006/relationships/image" Target="../media/image266.png"/><Relationship Id="rId104" Type="http://schemas.openxmlformats.org/officeDocument/2006/relationships/image" Target="../media/image273.png"/><Relationship Id="rId7" Type="http://schemas.openxmlformats.org/officeDocument/2006/relationships/image" Target="../media/image176.jpeg"/><Relationship Id="rId71" Type="http://schemas.openxmlformats.org/officeDocument/2006/relationships/image" Target="../media/image240.png"/><Relationship Id="rId92" Type="http://schemas.openxmlformats.org/officeDocument/2006/relationships/image" Target="../media/image261.png"/><Relationship Id="rId2" Type="http://schemas.openxmlformats.org/officeDocument/2006/relationships/image" Target="../media/image171.png"/><Relationship Id="rId29" Type="http://schemas.openxmlformats.org/officeDocument/2006/relationships/image" Target="../media/image198.jpeg"/></Relationships>
</file>

<file path=xl/drawings/_rels/drawing9.xml.rels><?xml version="1.0" encoding="UTF-8" standalone="yes"?>
<Relationships xmlns="http://schemas.openxmlformats.org/package/2006/relationships"><Relationship Id="rId8" Type="http://schemas.openxmlformats.org/officeDocument/2006/relationships/image" Target="../media/image294.jpeg"/><Relationship Id="rId13" Type="http://schemas.openxmlformats.org/officeDocument/2006/relationships/image" Target="../media/image298.png"/><Relationship Id="rId18" Type="http://schemas.openxmlformats.org/officeDocument/2006/relationships/image" Target="../media/image303.png"/><Relationship Id="rId3" Type="http://schemas.openxmlformats.org/officeDocument/2006/relationships/image" Target="../media/image289.png"/><Relationship Id="rId21" Type="http://schemas.openxmlformats.org/officeDocument/2006/relationships/image" Target="../media/image306.png"/><Relationship Id="rId7" Type="http://schemas.openxmlformats.org/officeDocument/2006/relationships/image" Target="../media/image293.jpeg"/><Relationship Id="rId12" Type="http://schemas.openxmlformats.org/officeDocument/2006/relationships/image" Target="../media/image297.png"/><Relationship Id="rId17" Type="http://schemas.openxmlformats.org/officeDocument/2006/relationships/image" Target="../media/image302.png"/><Relationship Id="rId2" Type="http://schemas.openxmlformats.org/officeDocument/2006/relationships/image" Target="../media/image288.jpeg"/><Relationship Id="rId16" Type="http://schemas.openxmlformats.org/officeDocument/2006/relationships/image" Target="../media/image301.png"/><Relationship Id="rId20" Type="http://schemas.openxmlformats.org/officeDocument/2006/relationships/image" Target="../media/image305.png"/><Relationship Id="rId1" Type="http://schemas.openxmlformats.org/officeDocument/2006/relationships/image" Target="../media/image287.jpeg"/><Relationship Id="rId6" Type="http://schemas.openxmlformats.org/officeDocument/2006/relationships/image" Target="../media/image292.jpeg"/><Relationship Id="rId11" Type="http://schemas.openxmlformats.org/officeDocument/2006/relationships/image" Target="../media/image296.jpeg"/><Relationship Id="rId5" Type="http://schemas.openxmlformats.org/officeDocument/2006/relationships/image" Target="../media/image291.jpeg"/><Relationship Id="rId15" Type="http://schemas.openxmlformats.org/officeDocument/2006/relationships/image" Target="../media/image300.png"/><Relationship Id="rId10" Type="http://schemas.openxmlformats.org/officeDocument/2006/relationships/image" Target="../media/image295.png"/><Relationship Id="rId19" Type="http://schemas.openxmlformats.org/officeDocument/2006/relationships/image" Target="../media/image304.png"/><Relationship Id="rId4" Type="http://schemas.openxmlformats.org/officeDocument/2006/relationships/image" Target="../media/image290.jpeg"/><Relationship Id="rId9" Type="http://schemas.openxmlformats.org/officeDocument/2006/relationships/image" Target="../media/image168.gif"/><Relationship Id="rId14" Type="http://schemas.openxmlformats.org/officeDocument/2006/relationships/image" Target="../media/image299.png"/><Relationship Id="rId22" Type="http://schemas.openxmlformats.org/officeDocument/2006/relationships/image" Target="../media/image307.png"/></Relationships>
</file>

<file path=xl/drawings/drawing1.xml><?xml version="1.0" encoding="utf-8"?>
<xdr:wsDr xmlns:xdr="http://schemas.openxmlformats.org/drawingml/2006/spreadsheetDrawing" xmlns:a="http://schemas.openxmlformats.org/drawingml/2006/main">
  <xdr:twoCellAnchor>
    <xdr:from>
      <xdr:col>2</xdr:col>
      <xdr:colOff>254441</xdr:colOff>
      <xdr:row>19</xdr:row>
      <xdr:rowOff>246943</xdr:rowOff>
    </xdr:from>
    <xdr:to>
      <xdr:col>2</xdr:col>
      <xdr:colOff>1146888</xdr:colOff>
      <xdr:row>20</xdr:row>
      <xdr:rowOff>361591</xdr:rowOff>
    </xdr:to>
    <xdr:pic>
      <xdr:nvPicPr>
        <xdr:cNvPr id="2" name="图片 11">
          <a:extLst>
            <a:ext uri="{FF2B5EF4-FFF2-40B4-BE49-F238E27FC236}">
              <a16:creationId xmlns="" xmlns:a16="http://schemas.microsoft.com/office/drawing/2014/main" id="{09A65CBE-1AF3-4E31-B5E0-8923D3428FD2}"/>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xmlns=""/>
            </a:ext>
          </a:extLst>
        </a:blip>
        <a:srcRect/>
        <a:stretch>
          <a:fillRect/>
        </a:stretch>
      </xdr:blipFill>
      <xdr:spPr>
        <a:xfrm>
          <a:off x="2027582" y="7275896"/>
          <a:ext cx="892447" cy="496311"/>
        </a:xfrm>
        <a:prstGeom prst="rect">
          <a:avLst/>
        </a:prstGeom>
        <a:ln>
          <a:noFill/>
        </a:ln>
      </xdr:spPr>
    </xdr:pic>
    <xdr:clientData/>
  </xdr:twoCellAnchor>
  <xdr:twoCellAnchor>
    <xdr:from>
      <xdr:col>2</xdr:col>
      <xdr:colOff>324134</xdr:colOff>
      <xdr:row>13</xdr:row>
      <xdr:rowOff>167430</xdr:rowOff>
    </xdr:from>
    <xdr:to>
      <xdr:col>2</xdr:col>
      <xdr:colOff>1160890</xdr:colOff>
      <xdr:row>14</xdr:row>
      <xdr:rowOff>282078</xdr:rowOff>
    </xdr:to>
    <xdr:pic>
      <xdr:nvPicPr>
        <xdr:cNvPr id="3" name="图片 11">
          <a:extLst>
            <a:ext uri="{FF2B5EF4-FFF2-40B4-BE49-F238E27FC236}">
              <a16:creationId xmlns="" xmlns:a16="http://schemas.microsoft.com/office/drawing/2014/main" id="{9929DF16-A06B-4A88-9D0C-5CFB6CF6AC2B}"/>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xmlns=""/>
            </a:ext>
          </a:extLst>
        </a:blip>
        <a:srcRect/>
        <a:stretch>
          <a:fillRect/>
        </a:stretch>
      </xdr:blipFill>
      <xdr:spPr>
        <a:xfrm>
          <a:off x="2097275" y="4906407"/>
          <a:ext cx="836756" cy="496311"/>
        </a:xfrm>
        <a:prstGeom prst="rect">
          <a:avLst/>
        </a:prstGeom>
        <a:ln>
          <a:noFill/>
        </a:ln>
      </xdr:spPr>
    </xdr:pic>
    <xdr:clientData/>
  </xdr:twoCellAnchor>
  <xdr:twoCellAnchor editAs="oneCell">
    <xdr:from>
      <xdr:col>2</xdr:col>
      <xdr:colOff>180494</xdr:colOff>
      <xdr:row>11</xdr:row>
      <xdr:rowOff>225778</xdr:rowOff>
    </xdr:from>
    <xdr:to>
      <xdr:col>2</xdr:col>
      <xdr:colOff>858741</xdr:colOff>
      <xdr:row>12</xdr:row>
      <xdr:rowOff>292751</xdr:rowOff>
    </xdr:to>
    <xdr:pic>
      <xdr:nvPicPr>
        <xdr:cNvPr id="4" name="Picture 63">
          <a:extLst>
            <a:ext uri="{FF2B5EF4-FFF2-40B4-BE49-F238E27FC236}">
              <a16:creationId xmlns="" xmlns:a16="http://schemas.microsoft.com/office/drawing/2014/main" id="{0C137F7B-46AF-4F76-B2BE-AF4B8D7DDA27}"/>
            </a:ext>
          </a:extLst>
        </xdr:cNvPr>
        <xdr:cNvPicPr>
          <a:picLocks noChangeAspect="1" noChangeArrowheads="1"/>
        </xdr:cNvPicPr>
      </xdr:nvPicPr>
      <xdr:blipFill>
        <a:blip xmlns:r="http://schemas.openxmlformats.org/officeDocument/2006/relationships" r:embed="rId2" cstate="screen">
          <a:extLst>
            <a:ext uri="{28A0092B-C50C-407E-A947-70E740481C1C}">
              <a14:useLocalDpi xmlns:a14="http://schemas.microsoft.com/office/drawing/2010/main" xmlns=""/>
            </a:ext>
          </a:extLst>
        </a:blip>
        <a:srcRect/>
        <a:stretch>
          <a:fillRect/>
        </a:stretch>
      </xdr:blipFill>
      <xdr:spPr bwMode="auto">
        <a:xfrm>
          <a:off x="1953635" y="4201430"/>
          <a:ext cx="678247" cy="44863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228887</xdr:colOff>
      <xdr:row>17</xdr:row>
      <xdr:rowOff>169335</xdr:rowOff>
    </xdr:from>
    <xdr:to>
      <xdr:col>2</xdr:col>
      <xdr:colOff>890546</xdr:colOff>
      <xdr:row>18</xdr:row>
      <xdr:rowOff>230589</xdr:rowOff>
    </xdr:to>
    <xdr:pic>
      <xdr:nvPicPr>
        <xdr:cNvPr id="5" name="Picture 65">
          <a:extLst>
            <a:ext uri="{FF2B5EF4-FFF2-40B4-BE49-F238E27FC236}">
              <a16:creationId xmlns="" xmlns:a16="http://schemas.microsoft.com/office/drawing/2014/main" id="{C708D321-3613-4903-BE3B-9409A6AA2A60}"/>
            </a:ext>
          </a:extLst>
        </xdr:cNvPr>
        <xdr:cNvPicPr>
          <a:picLocks noChangeAspect="1" noChangeArrowheads="1"/>
        </xdr:cNvPicPr>
      </xdr:nvPicPr>
      <xdr:blipFill>
        <a:blip xmlns:r="http://schemas.openxmlformats.org/officeDocument/2006/relationships" r:embed="rId3" cstate="screen">
          <a:extLst>
            <a:ext uri="{28A0092B-C50C-407E-A947-70E740481C1C}">
              <a14:useLocalDpi xmlns:a14="http://schemas.microsoft.com/office/drawing/2010/main" xmlns=""/>
            </a:ext>
          </a:extLst>
        </a:blip>
        <a:srcRect/>
        <a:stretch>
          <a:fillRect/>
        </a:stretch>
      </xdr:blipFill>
      <xdr:spPr bwMode="auto">
        <a:xfrm>
          <a:off x="2002028" y="6434963"/>
          <a:ext cx="661659" cy="44291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2</xdr:col>
      <xdr:colOff>254000</xdr:colOff>
      <xdr:row>15</xdr:row>
      <xdr:rowOff>282222</xdr:rowOff>
    </xdr:from>
    <xdr:ext cx="816428" cy="402770"/>
    <xdr:pic>
      <xdr:nvPicPr>
        <xdr:cNvPr id="6" name="图片 20" descr="屏幕剪辑">
          <a:extLst>
            <a:ext uri="{FF2B5EF4-FFF2-40B4-BE49-F238E27FC236}">
              <a16:creationId xmlns="" xmlns:a16="http://schemas.microsoft.com/office/drawing/2014/main" id="{B0FF2D82-605E-4643-A90E-4C7145C80EAE}"/>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xmlns="" val="0"/>
            </a:ext>
          </a:extLst>
        </a:blip>
        <a:stretch>
          <a:fillRect/>
        </a:stretch>
      </xdr:blipFill>
      <xdr:spPr>
        <a:xfrm>
          <a:off x="2146410" y="10650723"/>
          <a:ext cx="816428" cy="402770"/>
        </a:xfrm>
        <a:prstGeom prst="rect">
          <a:avLst/>
        </a:prstGeom>
      </xdr:spPr>
    </xdr:pic>
    <xdr:clientData/>
  </xdr:oneCellAnchor>
  <xdr:oneCellAnchor>
    <xdr:from>
      <xdr:col>2</xdr:col>
      <xdr:colOff>200907</xdr:colOff>
      <xdr:row>7</xdr:row>
      <xdr:rowOff>16271</xdr:rowOff>
    </xdr:from>
    <xdr:ext cx="963085" cy="521872"/>
    <xdr:pic>
      <xdr:nvPicPr>
        <xdr:cNvPr id="7" name="图片 25">
          <a:extLst>
            <a:ext uri="{FF2B5EF4-FFF2-40B4-BE49-F238E27FC236}">
              <a16:creationId xmlns="" xmlns:a16="http://schemas.microsoft.com/office/drawing/2014/main" id="{9A6B1AC3-38A5-4690-AA89-71ADF99B9543}"/>
            </a:ext>
          </a:extLst>
        </xdr:cNvPr>
        <xdr:cNvPicPr/>
      </xdr:nvPicPr>
      <xdr:blipFill>
        <a:blip xmlns:r="http://schemas.openxmlformats.org/officeDocument/2006/relationships" r:embed="rId5" cstate="email">
          <a:extLst>
            <a:ext uri="{28A0092B-C50C-407E-A947-70E740481C1C}">
              <a14:useLocalDpi xmlns:a14="http://schemas.microsoft.com/office/drawing/2010/main" xmlns=""/>
            </a:ext>
          </a:extLst>
        </a:blip>
        <a:srcRect/>
        <a:stretch>
          <a:fillRect/>
        </a:stretch>
      </xdr:blipFill>
      <xdr:spPr>
        <a:xfrm>
          <a:off x="2093317" y="6679464"/>
          <a:ext cx="963085" cy="521872"/>
        </a:xfrm>
        <a:prstGeom prst="rect">
          <a:avLst/>
        </a:prstGeom>
        <a:ln>
          <a:noFill/>
        </a:ln>
      </xdr:spPr>
    </xdr:pic>
    <xdr:clientData/>
  </xdr:oneCellAnchor>
  <xdr:twoCellAnchor>
    <xdr:from>
      <xdr:col>2</xdr:col>
      <xdr:colOff>373711</xdr:colOff>
      <xdr:row>30</xdr:row>
      <xdr:rowOff>169333</xdr:rowOff>
    </xdr:from>
    <xdr:to>
      <xdr:col>2</xdr:col>
      <xdr:colOff>1013037</xdr:colOff>
      <xdr:row>31</xdr:row>
      <xdr:rowOff>284551</xdr:rowOff>
    </xdr:to>
    <xdr:pic>
      <xdr:nvPicPr>
        <xdr:cNvPr id="8" name="图片 5">
          <a:extLst>
            <a:ext uri="{FF2B5EF4-FFF2-40B4-BE49-F238E27FC236}">
              <a16:creationId xmlns="" xmlns:a16="http://schemas.microsoft.com/office/drawing/2014/main" id="{24A0DFFE-1F9D-4CA1-BD7F-059CA8495E28}"/>
            </a:ext>
          </a:extLst>
        </xdr:cNvPr>
        <xdr:cNvPicPr>
          <a:picLocks noChangeAspect="1"/>
        </xdr:cNvPicPr>
      </xdr:nvPicPr>
      <xdr:blipFill>
        <a:blip xmlns:r="http://schemas.openxmlformats.org/officeDocument/2006/relationships" r:embed="rId6" cstate="email">
          <a:extLst>
            <a:ext uri="{28A0092B-C50C-407E-A947-70E740481C1C}">
              <a14:useLocalDpi xmlns:a14="http://schemas.microsoft.com/office/drawing/2010/main" xmlns=""/>
            </a:ext>
          </a:extLst>
        </a:blip>
        <a:srcRect/>
        <a:stretch>
          <a:fillRect/>
        </a:stretch>
      </xdr:blipFill>
      <xdr:spPr>
        <a:xfrm>
          <a:off x="2146852" y="11396575"/>
          <a:ext cx="639326" cy="496880"/>
        </a:xfrm>
        <a:prstGeom prst="rect">
          <a:avLst/>
        </a:prstGeom>
        <a:ln>
          <a:noFill/>
        </a:ln>
      </xdr:spPr>
    </xdr:pic>
    <xdr:clientData/>
  </xdr:twoCellAnchor>
  <xdr:twoCellAnchor>
    <xdr:from>
      <xdr:col>2</xdr:col>
      <xdr:colOff>282222</xdr:colOff>
      <xdr:row>40</xdr:row>
      <xdr:rowOff>211667</xdr:rowOff>
    </xdr:from>
    <xdr:to>
      <xdr:col>2</xdr:col>
      <xdr:colOff>1063272</xdr:colOff>
      <xdr:row>41</xdr:row>
      <xdr:rowOff>382129</xdr:rowOff>
    </xdr:to>
    <xdr:pic>
      <xdr:nvPicPr>
        <xdr:cNvPr id="9" name="图片 5" descr="\\info-server\产品资料库\09-01-产品图片库\02-海外\01- Network Camera\Easy\Dome\IPC361x(1).png">
          <a:extLst>
            <a:ext uri="{FF2B5EF4-FFF2-40B4-BE49-F238E27FC236}">
              <a16:creationId xmlns="" xmlns:a16="http://schemas.microsoft.com/office/drawing/2014/main" id="{A9422904-4031-47E5-AF33-0E153AD0CE6C}"/>
            </a:ext>
          </a:extLst>
        </xdr:cNvPr>
        <xdr:cNvPicPr>
          <a:picLocks noChangeAspect="1" noChangeArrowheads="1"/>
        </xdr:cNvPicPr>
      </xdr:nvPicPr>
      <xdr:blipFill>
        <a:blip xmlns:r="http://schemas.openxmlformats.org/officeDocument/2006/relationships" r:embed="rId7" cstate="email">
          <a:extLst>
            <a:ext uri="{28A0092B-C50C-407E-A947-70E740481C1C}">
              <a14:useLocalDpi xmlns:a14="http://schemas.microsoft.com/office/drawing/2010/main" xmlns=""/>
            </a:ext>
          </a:extLst>
        </a:blip>
        <a:srcRect/>
        <a:stretch>
          <a:fillRect/>
        </a:stretch>
      </xdr:blipFill>
      <xdr:spPr>
        <a:xfrm>
          <a:off x="2174632" y="29997253"/>
          <a:ext cx="781050" cy="655492"/>
        </a:xfrm>
        <a:prstGeom prst="rect">
          <a:avLst/>
        </a:prstGeom>
        <a:noFill/>
        <a:ln>
          <a:noFill/>
        </a:ln>
      </xdr:spPr>
    </xdr:pic>
    <xdr:clientData/>
  </xdr:twoCellAnchor>
  <xdr:twoCellAnchor editAs="oneCell">
    <xdr:from>
      <xdr:col>2</xdr:col>
      <xdr:colOff>204612</xdr:colOff>
      <xdr:row>44</xdr:row>
      <xdr:rowOff>112888</xdr:rowOff>
    </xdr:from>
    <xdr:to>
      <xdr:col>2</xdr:col>
      <xdr:colOff>1093612</xdr:colOff>
      <xdr:row>45</xdr:row>
      <xdr:rowOff>291851</xdr:rowOff>
    </xdr:to>
    <xdr:pic>
      <xdr:nvPicPr>
        <xdr:cNvPr id="10" name="图片 15" descr="IPC3A2S-IR3-HAPF2840-C-DT(1)">
          <a:extLst>
            <a:ext uri="{FF2B5EF4-FFF2-40B4-BE49-F238E27FC236}">
              <a16:creationId xmlns="" xmlns:a16="http://schemas.microsoft.com/office/drawing/2014/main" id="{3DBA38A3-B910-446B-8496-69A7BE626A3A}"/>
            </a:ext>
          </a:extLst>
        </xdr:cNvPr>
        <xdr:cNvPicPr/>
      </xdr:nvPicPr>
      <xdr:blipFill>
        <a:blip xmlns:r="http://schemas.openxmlformats.org/officeDocument/2006/relationships" r:embed="rId8" cstate="screen">
          <a:extLst>
            <a:ext uri="{28A0092B-C50C-407E-A947-70E740481C1C}">
              <a14:useLocalDpi xmlns:a14="http://schemas.microsoft.com/office/drawing/2010/main" xmlns=""/>
            </a:ext>
          </a:extLst>
        </a:blip>
        <a:srcRect/>
        <a:stretch>
          <a:fillRect/>
        </a:stretch>
      </xdr:blipFill>
      <xdr:spPr>
        <a:xfrm>
          <a:off x="2097022" y="31838592"/>
          <a:ext cx="889000" cy="703751"/>
        </a:xfrm>
        <a:prstGeom prst="rect">
          <a:avLst/>
        </a:prstGeom>
      </xdr:spPr>
    </xdr:pic>
    <xdr:clientData/>
  </xdr:twoCellAnchor>
  <xdr:twoCellAnchor>
    <xdr:from>
      <xdr:col>2</xdr:col>
      <xdr:colOff>349857</xdr:colOff>
      <xdr:row>32</xdr:row>
      <xdr:rowOff>183446</xdr:rowOff>
    </xdr:from>
    <xdr:to>
      <xdr:col>2</xdr:col>
      <xdr:colOff>995397</xdr:colOff>
      <xdr:row>33</xdr:row>
      <xdr:rowOff>310446</xdr:rowOff>
    </xdr:to>
    <xdr:pic>
      <xdr:nvPicPr>
        <xdr:cNvPr id="11" name="图片 5">
          <a:extLst>
            <a:ext uri="{FF2B5EF4-FFF2-40B4-BE49-F238E27FC236}">
              <a16:creationId xmlns="" xmlns:a16="http://schemas.microsoft.com/office/drawing/2014/main" id="{1077ED17-DB98-4A6F-95D3-4292C1BE651F}"/>
            </a:ext>
          </a:extLst>
        </xdr:cNvPr>
        <xdr:cNvPicPr>
          <a:picLocks noChangeAspect="1"/>
        </xdr:cNvPicPr>
      </xdr:nvPicPr>
      <xdr:blipFill>
        <a:blip xmlns:r="http://schemas.openxmlformats.org/officeDocument/2006/relationships" r:embed="rId9" cstate="print">
          <a:extLst>
            <a:ext uri="{28A0092B-C50C-407E-A947-70E740481C1C}">
              <a14:useLocalDpi xmlns:a14="http://schemas.microsoft.com/office/drawing/2010/main" xmlns="" val="0"/>
            </a:ext>
          </a:extLst>
        </a:blip>
        <a:srcRect l="33173" t="13543" r="18740" b="33360"/>
        <a:stretch>
          <a:fillRect/>
        </a:stretch>
      </xdr:blipFill>
      <xdr:spPr>
        <a:xfrm>
          <a:off x="2122998" y="12174013"/>
          <a:ext cx="645540" cy="508663"/>
        </a:xfrm>
        <a:prstGeom prst="rect">
          <a:avLst/>
        </a:prstGeom>
        <a:ln>
          <a:noFill/>
        </a:ln>
      </xdr:spPr>
    </xdr:pic>
    <xdr:clientData/>
  </xdr:twoCellAnchor>
  <xdr:oneCellAnchor>
    <xdr:from>
      <xdr:col>2</xdr:col>
      <xdr:colOff>496125</xdr:colOff>
      <xdr:row>46</xdr:row>
      <xdr:rowOff>134002</xdr:rowOff>
    </xdr:from>
    <xdr:ext cx="680670" cy="598990"/>
    <xdr:pic>
      <xdr:nvPicPr>
        <xdr:cNvPr id="12" name="图片 19">
          <a:extLst>
            <a:ext uri="{FF2B5EF4-FFF2-40B4-BE49-F238E27FC236}">
              <a16:creationId xmlns="" xmlns:a16="http://schemas.microsoft.com/office/drawing/2014/main" id="{85BFCB1B-D137-465F-BAED-208EA7917018}"/>
            </a:ext>
          </a:extLst>
        </xdr:cNvPr>
        <xdr:cNvPicPr>
          <a:picLocks noChangeAspect="1"/>
        </xdr:cNvPicPr>
      </xdr:nvPicPr>
      <xdr:blipFill rotWithShape="1">
        <a:blip xmlns:r="http://schemas.openxmlformats.org/officeDocument/2006/relationships" r:embed="rId10" cstate="print"/>
        <a:srcRect l="34568" t="11562" r="22221" b="28588"/>
        <a:stretch/>
      </xdr:blipFill>
      <xdr:spPr>
        <a:xfrm>
          <a:off x="2269266" y="17467845"/>
          <a:ext cx="680670" cy="598990"/>
        </a:xfrm>
        <a:prstGeom prst="rect">
          <a:avLst/>
        </a:prstGeom>
      </xdr:spPr>
    </xdr:pic>
    <xdr:clientData/>
  </xdr:oneCellAnchor>
  <xdr:oneCellAnchor>
    <xdr:from>
      <xdr:col>2</xdr:col>
      <xdr:colOff>119676</xdr:colOff>
      <xdr:row>24</xdr:row>
      <xdr:rowOff>155863</xdr:rowOff>
    </xdr:from>
    <xdr:ext cx="1092730" cy="904523"/>
    <xdr:pic>
      <xdr:nvPicPr>
        <xdr:cNvPr id="13" name="图片 32" descr="C:\Users\l01742\Desktop\Lite系列\UNV IPC324LR3-VSPF28(40) 4MP Fixed Dome Network Camera V1.0\IPC320L.png">
          <a:extLst>
            <a:ext uri="{FF2B5EF4-FFF2-40B4-BE49-F238E27FC236}">
              <a16:creationId xmlns="" xmlns:a16="http://schemas.microsoft.com/office/drawing/2014/main" id="{EB8D725D-1D6C-4AB2-B008-C4B437FF4C0F}"/>
            </a:ext>
          </a:extLst>
        </xdr:cNvPr>
        <xdr:cNvPicPr/>
      </xdr:nvPicPr>
      <xdr:blipFill>
        <a:blip xmlns:r="http://schemas.openxmlformats.org/officeDocument/2006/relationships" r:embed="rId11" cstate="email">
          <a:extLst>
            <a:ext uri="{28A0092B-C50C-407E-A947-70E740481C1C}">
              <a14:useLocalDpi xmlns:a14="http://schemas.microsoft.com/office/drawing/2010/main" xmlns=""/>
            </a:ext>
          </a:extLst>
        </a:blip>
        <a:srcRect/>
        <a:stretch>
          <a:fillRect/>
        </a:stretch>
      </xdr:blipFill>
      <xdr:spPr>
        <a:xfrm>
          <a:off x="2012086" y="22451320"/>
          <a:ext cx="1092730" cy="904523"/>
        </a:xfrm>
        <a:prstGeom prst="rect">
          <a:avLst/>
        </a:prstGeom>
        <a:noFill/>
        <a:ln>
          <a:noFill/>
        </a:ln>
      </xdr:spPr>
    </xdr:pic>
    <xdr:clientData/>
  </xdr:oneCellAnchor>
  <xdr:oneCellAnchor>
    <xdr:from>
      <xdr:col>2</xdr:col>
      <xdr:colOff>275095</xdr:colOff>
      <xdr:row>36</xdr:row>
      <xdr:rowOff>136644</xdr:rowOff>
    </xdr:from>
    <xdr:ext cx="820414" cy="705841"/>
    <xdr:pic>
      <xdr:nvPicPr>
        <xdr:cNvPr id="14" name="图片 27">
          <a:extLst>
            <a:ext uri="{FF2B5EF4-FFF2-40B4-BE49-F238E27FC236}">
              <a16:creationId xmlns="" xmlns:a16="http://schemas.microsoft.com/office/drawing/2014/main" id="{D54881B7-5509-4889-967E-6040E9106C14}"/>
            </a:ext>
          </a:extLst>
        </xdr:cNvPr>
        <xdr:cNvPicPr/>
      </xdr:nvPicPr>
      <xdr:blipFill>
        <a:blip xmlns:r="http://schemas.openxmlformats.org/officeDocument/2006/relationships" r:embed="rId12" cstate="email">
          <a:extLst>
            <a:ext uri="{28A0092B-C50C-407E-A947-70E740481C1C}">
              <a14:useLocalDpi xmlns:a14="http://schemas.microsoft.com/office/drawing/2010/main" xmlns=""/>
            </a:ext>
          </a:extLst>
        </a:blip>
        <a:stretch>
          <a:fillRect/>
        </a:stretch>
      </xdr:blipFill>
      <xdr:spPr>
        <a:xfrm>
          <a:off x="2167505" y="28045722"/>
          <a:ext cx="820414" cy="705841"/>
        </a:xfrm>
        <a:prstGeom prst="rect">
          <a:avLst/>
        </a:prstGeom>
      </xdr:spPr>
    </xdr:pic>
    <xdr:clientData/>
  </xdr:oneCellAnchor>
  <xdr:twoCellAnchor>
    <xdr:from>
      <xdr:col>2</xdr:col>
      <xdr:colOff>282222</xdr:colOff>
      <xdr:row>42</xdr:row>
      <xdr:rowOff>211667</xdr:rowOff>
    </xdr:from>
    <xdr:to>
      <xdr:col>2</xdr:col>
      <xdr:colOff>1063272</xdr:colOff>
      <xdr:row>43</xdr:row>
      <xdr:rowOff>382129</xdr:rowOff>
    </xdr:to>
    <xdr:pic>
      <xdr:nvPicPr>
        <xdr:cNvPr id="15" name="图片 5" descr="\\info-server\产品资料库\09-01-产品图片库\02-海外\01- Network Camera\Easy\Dome\IPC361x(1).png">
          <a:extLst>
            <a:ext uri="{FF2B5EF4-FFF2-40B4-BE49-F238E27FC236}">
              <a16:creationId xmlns="" xmlns:a16="http://schemas.microsoft.com/office/drawing/2014/main" id="{B9EECB03-74DC-4AAA-9941-B208FDC7A5BA}"/>
            </a:ext>
          </a:extLst>
        </xdr:cNvPr>
        <xdr:cNvPicPr>
          <a:picLocks noChangeAspect="1" noChangeArrowheads="1"/>
        </xdr:cNvPicPr>
      </xdr:nvPicPr>
      <xdr:blipFill>
        <a:blip xmlns:r="http://schemas.openxmlformats.org/officeDocument/2006/relationships" r:embed="rId7" cstate="email">
          <a:extLst>
            <a:ext uri="{28A0092B-C50C-407E-A947-70E740481C1C}">
              <a14:useLocalDpi xmlns:a14="http://schemas.microsoft.com/office/drawing/2010/main" xmlns=""/>
            </a:ext>
          </a:extLst>
        </a:blip>
        <a:srcRect/>
        <a:stretch>
          <a:fillRect/>
        </a:stretch>
      </xdr:blipFill>
      <xdr:spPr>
        <a:xfrm>
          <a:off x="2174632" y="30967312"/>
          <a:ext cx="781050" cy="655492"/>
        </a:xfrm>
        <a:prstGeom prst="rect">
          <a:avLst/>
        </a:prstGeom>
        <a:noFill/>
        <a:ln>
          <a:noFill/>
        </a:ln>
      </xdr:spPr>
    </xdr:pic>
    <xdr:clientData/>
  </xdr:twoCellAnchor>
  <xdr:twoCellAnchor>
    <xdr:from>
      <xdr:col>2</xdr:col>
      <xdr:colOff>381661</xdr:colOff>
      <xdr:row>28</xdr:row>
      <xdr:rowOff>169333</xdr:rowOff>
    </xdr:from>
    <xdr:to>
      <xdr:col>2</xdr:col>
      <xdr:colOff>1013036</xdr:colOff>
      <xdr:row>29</xdr:row>
      <xdr:rowOff>284551</xdr:rowOff>
    </xdr:to>
    <xdr:pic>
      <xdr:nvPicPr>
        <xdr:cNvPr id="16" name="图片 5">
          <a:extLst>
            <a:ext uri="{FF2B5EF4-FFF2-40B4-BE49-F238E27FC236}">
              <a16:creationId xmlns="" xmlns:a16="http://schemas.microsoft.com/office/drawing/2014/main" id="{3357DB81-27DF-4F7B-BC86-690BB6C8ED58}"/>
            </a:ext>
          </a:extLst>
        </xdr:cNvPr>
        <xdr:cNvPicPr>
          <a:picLocks noChangeAspect="1"/>
        </xdr:cNvPicPr>
      </xdr:nvPicPr>
      <xdr:blipFill>
        <a:blip xmlns:r="http://schemas.openxmlformats.org/officeDocument/2006/relationships" r:embed="rId6" cstate="email">
          <a:extLst>
            <a:ext uri="{28A0092B-C50C-407E-A947-70E740481C1C}">
              <a14:useLocalDpi xmlns:a14="http://schemas.microsoft.com/office/drawing/2010/main" xmlns=""/>
            </a:ext>
          </a:extLst>
        </a:blip>
        <a:srcRect/>
        <a:stretch>
          <a:fillRect/>
        </a:stretch>
      </xdr:blipFill>
      <xdr:spPr>
        <a:xfrm>
          <a:off x="2154802" y="10633250"/>
          <a:ext cx="631375" cy="496880"/>
        </a:xfrm>
        <a:prstGeom prst="rect">
          <a:avLst/>
        </a:prstGeom>
        <a:ln>
          <a:noFill/>
        </a:ln>
      </xdr:spPr>
    </xdr:pic>
    <xdr:clientData/>
  </xdr:twoCellAnchor>
  <xdr:twoCellAnchor editAs="oneCell">
    <xdr:from>
      <xdr:col>2</xdr:col>
      <xdr:colOff>35238</xdr:colOff>
      <xdr:row>50</xdr:row>
      <xdr:rowOff>626182</xdr:rowOff>
    </xdr:from>
    <xdr:to>
      <xdr:col>2</xdr:col>
      <xdr:colOff>1396721</xdr:colOff>
      <xdr:row>52</xdr:row>
      <xdr:rowOff>281673</xdr:rowOff>
    </xdr:to>
    <xdr:pic>
      <xdr:nvPicPr>
        <xdr:cNvPr id="17" name="Picture 14" descr="IPC2322LBR3-SP(Z28)-D 2MP VF Vandal-resistant Network IR Bullet Camera">
          <a:extLst>
            <a:ext uri="{FF2B5EF4-FFF2-40B4-BE49-F238E27FC236}">
              <a16:creationId xmlns="" xmlns:a16="http://schemas.microsoft.com/office/drawing/2014/main" id="{39673BB1-AE1C-4BE4-903E-77DC1C1F7BE6}"/>
            </a:ext>
          </a:extLst>
        </xdr:cNvPr>
        <xdr:cNvPicPr>
          <a:picLocks noChangeAspect="1" noChangeArrowheads="1"/>
        </xdr:cNvPicPr>
      </xdr:nvPicPr>
      <xdr:blipFill>
        <a:blip xmlns:r="http://schemas.openxmlformats.org/officeDocument/2006/relationships" r:embed="rId13" cstate="email">
          <a:extLst>
            <a:ext uri="{28A0092B-C50C-407E-A947-70E740481C1C}">
              <a14:useLocalDpi xmlns:a14="http://schemas.microsoft.com/office/drawing/2010/main" xmlns=""/>
            </a:ext>
          </a:extLst>
        </a:blip>
        <a:srcRect/>
        <a:stretch>
          <a:fillRect/>
        </a:stretch>
      </xdr:blipFill>
      <xdr:spPr bwMode="auto">
        <a:xfrm>
          <a:off x="1927648" y="36661493"/>
          <a:ext cx="1361483" cy="66530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2</xdr:col>
      <xdr:colOff>73934</xdr:colOff>
      <xdr:row>58</xdr:row>
      <xdr:rowOff>148167</xdr:rowOff>
    </xdr:from>
    <xdr:ext cx="1243691" cy="622786"/>
    <xdr:pic>
      <xdr:nvPicPr>
        <xdr:cNvPr id="18" name="Picture 19" descr="IPC3232LR3-VSP(Z28)-D 2MP VF Vandal-resistant Network IR Fixed Dome Camera">
          <a:extLst>
            <a:ext uri="{FF2B5EF4-FFF2-40B4-BE49-F238E27FC236}">
              <a16:creationId xmlns="" xmlns:a16="http://schemas.microsoft.com/office/drawing/2014/main" id="{73CABFB7-54A7-4ECE-9D68-B8A04691C1B4}"/>
            </a:ext>
          </a:extLst>
        </xdr:cNvPr>
        <xdr:cNvPicPr>
          <a:picLocks noChangeAspect="1" noChangeArrowheads="1"/>
        </xdr:cNvPicPr>
      </xdr:nvPicPr>
      <xdr:blipFill>
        <a:blip xmlns:r="http://schemas.openxmlformats.org/officeDocument/2006/relationships" r:embed="rId14" cstate="email">
          <a:extLst>
            <a:ext uri="{28A0092B-C50C-407E-A947-70E740481C1C}">
              <a14:useLocalDpi xmlns:a14="http://schemas.microsoft.com/office/drawing/2010/main" xmlns=""/>
            </a:ext>
          </a:extLst>
        </a:blip>
        <a:srcRect/>
        <a:stretch>
          <a:fillRect/>
        </a:stretch>
      </xdr:blipFill>
      <xdr:spPr bwMode="auto">
        <a:xfrm>
          <a:off x="1966344" y="43482776"/>
          <a:ext cx="1243691" cy="622786"/>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twoCellAnchor editAs="oneCell">
    <xdr:from>
      <xdr:col>2</xdr:col>
      <xdr:colOff>464992</xdr:colOff>
      <xdr:row>65</xdr:row>
      <xdr:rowOff>17584</xdr:rowOff>
    </xdr:from>
    <xdr:to>
      <xdr:col>2</xdr:col>
      <xdr:colOff>822531</xdr:colOff>
      <xdr:row>65</xdr:row>
      <xdr:rowOff>323850</xdr:rowOff>
    </xdr:to>
    <xdr:pic>
      <xdr:nvPicPr>
        <xdr:cNvPr id="19" name="Picture 37">
          <a:extLst>
            <a:ext uri="{FF2B5EF4-FFF2-40B4-BE49-F238E27FC236}">
              <a16:creationId xmlns="" xmlns:a16="http://schemas.microsoft.com/office/drawing/2014/main" id="{453B4845-5F60-49D6-9858-2DEFC9BB5F75}"/>
            </a:ext>
          </a:extLst>
        </xdr:cNvPr>
        <xdr:cNvPicPr>
          <a:picLocks noChangeAspect="1" noChangeArrowheads="1"/>
        </xdr:cNvPicPr>
      </xdr:nvPicPr>
      <xdr:blipFill>
        <a:blip xmlns:r="http://schemas.openxmlformats.org/officeDocument/2006/relationships" r:embed="rId15" cstate="email">
          <a:extLst>
            <a:ext uri="{28A0092B-C50C-407E-A947-70E740481C1C}">
              <a14:useLocalDpi xmlns:a14="http://schemas.microsoft.com/office/drawing/2010/main" xmlns=""/>
            </a:ext>
          </a:extLst>
        </a:blip>
        <a:srcRect/>
        <a:stretch>
          <a:fillRect/>
        </a:stretch>
      </xdr:blipFill>
      <xdr:spPr bwMode="auto">
        <a:xfrm>
          <a:off x="2112817" y="24611134"/>
          <a:ext cx="357539" cy="30626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34098</xdr:colOff>
      <xdr:row>63</xdr:row>
      <xdr:rowOff>100414</xdr:rowOff>
    </xdr:from>
    <xdr:to>
      <xdr:col>2</xdr:col>
      <xdr:colOff>981075</xdr:colOff>
      <xdr:row>64</xdr:row>
      <xdr:rowOff>305176</xdr:rowOff>
    </xdr:to>
    <xdr:pic>
      <xdr:nvPicPr>
        <xdr:cNvPr id="20" name="Picture 52">
          <a:extLst>
            <a:ext uri="{FF2B5EF4-FFF2-40B4-BE49-F238E27FC236}">
              <a16:creationId xmlns="" xmlns:a16="http://schemas.microsoft.com/office/drawing/2014/main" id="{B1DB17E9-038B-43F0-92D9-7AA256793094}"/>
            </a:ext>
          </a:extLst>
        </xdr:cNvPr>
        <xdr:cNvPicPr>
          <a:picLocks noChangeAspect="1" noChangeArrowheads="1"/>
        </xdr:cNvPicPr>
      </xdr:nvPicPr>
      <xdr:blipFill>
        <a:blip xmlns:r="http://schemas.openxmlformats.org/officeDocument/2006/relationships" r:embed="rId16" cstate="email">
          <a:extLst>
            <a:ext uri="{28A0092B-C50C-407E-A947-70E740481C1C}">
              <a14:useLocalDpi xmlns:a14="http://schemas.microsoft.com/office/drawing/2010/main" xmlns=""/>
            </a:ext>
          </a:extLst>
        </a:blip>
        <a:srcRect/>
        <a:stretch>
          <a:fillRect/>
        </a:stretch>
      </xdr:blipFill>
      <xdr:spPr bwMode="auto">
        <a:xfrm>
          <a:off x="1981923" y="23931964"/>
          <a:ext cx="646977" cy="58576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58613</xdr:colOff>
      <xdr:row>67</xdr:row>
      <xdr:rowOff>77612</xdr:rowOff>
    </xdr:from>
    <xdr:to>
      <xdr:col>2</xdr:col>
      <xdr:colOff>731521</xdr:colOff>
      <xdr:row>67</xdr:row>
      <xdr:rowOff>580445</xdr:rowOff>
    </xdr:to>
    <xdr:pic>
      <xdr:nvPicPr>
        <xdr:cNvPr id="21" name="图片 1" descr="供电款门铃 (3)">
          <a:extLst>
            <a:ext uri="{FF2B5EF4-FFF2-40B4-BE49-F238E27FC236}">
              <a16:creationId xmlns="" xmlns:a16="http://schemas.microsoft.com/office/drawing/2014/main" id="{3EFD33E6-437C-4595-93E0-1E15E9F00AFC}"/>
            </a:ext>
          </a:extLst>
        </xdr:cNvPr>
        <xdr:cNvPicPr>
          <a:picLocks noChangeAspect="1"/>
        </xdr:cNvPicPr>
      </xdr:nvPicPr>
      <xdr:blipFill>
        <a:blip xmlns:r="http://schemas.openxmlformats.org/officeDocument/2006/relationships" r:embed="rId17" cstate="screen">
          <a:extLst>
            <a:ext uri="{28A0092B-C50C-407E-A947-70E740481C1C}">
              <a14:useLocalDpi xmlns:a14="http://schemas.microsoft.com/office/drawing/2010/main" xmlns=""/>
            </a:ext>
          </a:extLst>
        </a:blip>
        <a:srcRect/>
        <a:stretch>
          <a:fillRect/>
        </a:stretch>
      </xdr:blipFill>
      <xdr:spPr>
        <a:xfrm>
          <a:off x="2231754" y="25426370"/>
          <a:ext cx="272908" cy="502833"/>
        </a:xfrm>
        <a:prstGeom prst="rect">
          <a:avLst/>
        </a:prstGeom>
      </xdr:spPr>
    </xdr:pic>
    <xdr:clientData/>
  </xdr:twoCellAnchor>
  <xdr:oneCellAnchor>
    <xdr:from>
      <xdr:col>2</xdr:col>
      <xdr:colOff>466386</xdr:colOff>
      <xdr:row>74</xdr:row>
      <xdr:rowOff>41565</xdr:rowOff>
    </xdr:from>
    <xdr:ext cx="543430" cy="317189"/>
    <xdr:pic>
      <xdr:nvPicPr>
        <xdr:cNvPr id="23" name="Picture 2" descr="\\info-server\产品资料库\09-01-产品图片库\02-海外\01- Network Camera\UNV\2. bullet camera\IPC212X series\png\IPC212X_FR.png">
          <a:extLst>
            <a:ext uri="{FF2B5EF4-FFF2-40B4-BE49-F238E27FC236}">
              <a16:creationId xmlns="" xmlns:a16="http://schemas.microsoft.com/office/drawing/2014/main" id="{0AC82384-987A-4655-84AB-050446FCA8A9}"/>
            </a:ext>
          </a:extLst>
        </xdr:cNvPr>
        <xdr:cNvPicPr>
          <a:picLocks noChangeAspect="1" noChangeArrowheads="1"/>
        </xdr:cNvPicPr>
      </xdr:nvPicPr>
      <xdr:blipFill>
        <a:blip xmlns:r="http://schemas.openxmlformats.org/officeDocument/2006/relationships" r:embed="rId18" cstate="email">
          <a:extLst>
            <a:ext uri="{28A0092B-C50C-407E-A947-70E740481C1C}">
              <a14:useLocalDpi xmlns:a14="http://schemas.microsoft.com/office/drawing/2010/main" xmlns=""/>
            </a:ext>
          </a:extLst>
        </a:blip>
        <a:srcRect/>
        <a:stretch>
          <a:fillRect/>
        </a:stretch>
      </xdr:blipFill>
      <xdr:spPr>
        <a:xfrm>
          <a:off x="2239527" y="29151290"/>
          <a:ext cx="543430" cy="317189"/>
        </a:xfrm>
        <a:prstGeom prst="rect">
          <a:avLst/>
        </a:prstGeom>
        <a:noFill/>
      </xdr:spPr>
    </xdr:pic>
    <xdr:clientData/>
  </xdr:oneCellAnchor>
  <xdr:oneCellAnchor>
    <xdr:from>
      <xdr:col>2</xdr:col>
      <xdr:colOff>503510</xdr:colOff>
      <xdr:row>76</xdr:row>
      <xdr:rowOff>52970</xdr:rowOff>
    </xdr:from>
    <xdr:ext cx="530159" cy="312706"/>
    <xdr:pic>
      <xdr:nvPicPr>
        <xdr:cNvPr id="24" name="Picture 2" descr="\\info-server\产品资料库\09-01-产品图片库\02-海外\01- Network Camera\UNV\2. bullet camera\IPC212X series\png\IPC212X_FR.png">
          <a:extLst>
            <a:ext uri="{FF2B5EF4-FFF2-40B4-BE49-F238E27FC236}">
              <a16:creationId xmlns="" xmlns:a16="http://schemas.microsoft.com/office/drawing/2014/main" id="{D4F7AC50-B654-4631-B907-35D974762335}"/>
            </a:ext>
          </a:extLst>
        </xdr:cNvPr>
        <xdr:cNvPicPr>
          <a:picLocks noChangeAspect="1" noChangeArrowheads="1"/>
        </xdr:cNvPicPr>
      </xdr:nvPicPr>
      <xdr:blipFill>
        <a:blip xmlns:r="http://schemas.openxmlformats.org/officeDocument/2006/relationships" r:embed="rId19" cstate="email">
          <a:extLst>
            <a:ext uri="{28A0092B-C50C-407E-A947-70E740481C1C}">
              <a14:useLocalDpi xmlns:a14="http://schemas.microsoft.com/office/drawing/2010/main" xmlns=""/>
            </a:ext>
          </a:extLst>
        </a:blip>
        <a:srcRect/>
        <a:stretch>
          <a:fillRect/>
        </a:stretch>
      </xdr:blipFill>
      <xdr:spPr>
        <a:xfrm>
          <a:off x="2276651" y="29926020"/>
          <a:ext cx="530159" cy="312706"/>
        </a:xfrm>
        <a:prstGeom prst="rect">
          <a:avLst/>
        </a:prstGeom>
        <a:noFill/>
      </xdr:spPr>
    </xdr:pic>
    <xdr:clientData/>
  </xdr:oneCellAnchor>
  <xdr:oneCellAnchor>
    <xdr:from>
      <xdr:col>2</xdr:col>
      <xdr:colOff>504758</xdr:colOff>
      <xdr:row>75</xdr:row>
      <xdr:rowOff>55466</xdr:rowOff>
    </xdr:from>
    <xdr:ext cx="457356" cy="258776"/>
    <xdr:pic>
      <xdr:nvPicPr>
        <xdr:cNvPr id="25" name="Picture 2" descr="\\info-server\产品资料库\09-01-产品图片库\02-海外\01- Network Camera\UNV\2. bullet camera\IPC212X series\png\IPC212X_FR.png">
          <a:extLst>
            <a:ext uri="{FF2B5EF4-FFF2-40B4-BE49-F238E27FC236}">
              <a16:creationId xmlns="" xmlns:a16="http://schemas.microsoft.com/office/drawing/2014/main" id="{E1FCF753-0E27-43CD-B013-D77B3DBED022}"/>
            </a:ext>
          </a:extLst>
        </xdr:cNvPr>
        <xdr:cNvPicPr>
          <a:picLocks noChangeAspect="1" noChangeArrowheads="1"/>
        </xdr:cNvPicPr>
      </xdr:nvPicPr>
      <xdr:blipFill>
        <a:blip xmlns:r="http://schemas.openxmlformats.org/officeDocument/2006/relationships" r:embed="rId20" cstate="email">
          <a:extLst>
            <a:ext uri="{28A0092B-C50C-407E-A947-70E740481C1C}">
              <a14:useLocalDpi xmlns:a14="http://schemas.microsoft.com/office/drawing/2010/main" xmlns=""/>
            </a:ext>
          </a:extLst>
        </a:blip>
        <a:srcRect/>
        <a:stretch>
          <a:fillRect/>
        </a:stretch>
      </xdr:blipFill>
      <xdr:spPr>
        <a:xfrm>
          <a:off x="2277899" y="29546854"/>
          <a:ext cx="457356" cy="258776"/>
        </a:xfrm>
        <a:prstGeom prst="rect">
          <a:avLst/>
        </a:prstGeom>
        <a:noFill/>
      </xdr:spPr>
    </xdr:pic>
    <xdr:clientData/>
  </xdr:oneCellAnchor>
  <xdr:oneCellAnchor>
    <xdr:from>
      <xdr:col>2</xdr:col>
      <xdr:colOff>413440</xdr:colOff>
      <xdr:row>72</xdr:row>
      <xdr:rowOff>51363</xdr:rowOff>
    </xdr:from>
    <xdr:ext cx="564568" cy="329527"/>
    <xdr:pic>
      <xdr:nvPicPr>
        <xdr:cNvPr id="26" name="Picture 2" descr="\\info-server\产品资料库\09-01-产品图片库\02-海外\01- Network Camera\UNV\2. bullet camera\IPC212X series\png\IPC212X_FR.png">
          <a:extLst>
            <a:ext uri="{FF2B5EF4-FFF2-40B4-BE49-F238E27FC236}">
              <a16:creationId xmlns="" xmlns:a16="http://schemas.microsoft.com/office/drawing/2014/main" id="{7ED437AF-3F71-46BF-A636-3D9654D25C65}"/>
            </a:ext>
          </a:extLst>
        </xdr:cNvPr>
        <xdr:cNvPicPr>
          <a:picLocks noChangeAspect="1" noChangeArrowheads="1"/>
        </xdr:cNvPicPr>
      </xdr:nvPicPr>
      <xdr:blipFill>
        <a:blip xmlns:r="http://schemas.openxmlformats.org/officeDocument/2006/relationships" r:embed="rId18" cstate="email">
          <a:extLst>
            <a:ext uri="{28A0092B-C50C-407E-A947-70E740481C1C}">
              <a14:useLocalDpi xmlns:a14="http://schemas.microsoft.com/office/drawing/2010/main" xmlns=""/>
            </a:ext>
          </a:extLst>
        </a:blip>
        <a:srcRect/>
        <a:stretch>
          <a:fillRect/>
        </a:stretch>
      </xdr:blipFill>
      <xdr:spPr>
        <a:xfrm>
          <a:off x="2186581" y="28397763"/>
          <a:ext cx="564568" cy="329527"/>
        </a:xfrm>
        <a:prstGeom prst="rect">
          <a:avLst/>
        </a:prstGeom>
        <a:noFill/>
      </xdr:spPr>
    </xdr:pic>
    <xdr:clientData/>
  </xdr:oneCellAnchor>
  <xdr:twoCellAnchor editAs="oneCell">
    <xdr:from>
      <xdr:col>2</xdr:col>
      <xdr:colOff>487217</xdr:colOff>
      <xdr:row>73</xdr:row>
      <xdr:rowOff>66753</xdr:rowOff>
    </xdr:from>
    <xdr:to>
      <xdr:col>2</xdr:col>
      <xdr:colOff>922350</xdr:colOff>
      <xdr:row>73</xdr:row>
      <xdr:rowOff>299451</xdr:rowOff>
    </xdr:to>
    <xdr:pic>
      <xdr:nvPicPr>
        <xdr:cNvPr id="27" name="Picture 1">
          <a:extLst>
            <a:ext uri="{FF2B5EF4-FFF2-40B4-BE49-F238E27FC236}">
              <a16:creationId xmlns="" xmlns:a16="http://schemas.microsoft.com/office/drawing/2014/main" id="{4FF0C52B-FB52-4D99-848E-583490C4AF68}"/>
            </a:ext>
          </a:extLst>
        </xdr:cNvPr>
        <xdr:cNvPicPr>
          <a:picLocks noChangeAspect="1" noChangeArrowheads="1"/>
        </xdr:cNvPicPr>
      </xdr:nvPicPr>
      <xdr:blipFill>
        <a:blip xmlns:r="http://schemas.openxmlformats.org/officeDocument/2006/relationships" r:embed="rId21" cstate="email">
          <a:extLst>
            <a:ext uri="{28A0092B-C50C-407E-A947-70E740481C1C}">
              <a14:useLocalDpi xmlns:a14="http://schemas.microsoft.com/office/drawing/2010/main" xmlns=""/>
            </a:ext>
          </a:extLst>
        </a:blip>
        <a:srcRect/>
        <a:stretch>
          <a:fillRect/>
        </a:stretch>
      </xdr:blipFill>
      <xdr:spPr>
        <a:xfrm>
          <a:off x="2260358" y="28794816"/>
          <a:ext cx="435133" cy="232698"/>
        </a:xfrm>
        <a:prstGeom prst="rect">
          <a:avLst/>
        </a:prstGeom>
        <a:noFill/>
        <a:ln w="1">
          <a:noFill/>
          <a:miter lim="800000"/>
          <a:headEnd/>
          <a:tailEnd type="none" w="med" len="med"/>
        </a:ln>
        <a:effectLst/>
      </xdr:spPr>
    </xdr:pic>
    <xdr:clientData/>
  </xdr:twoCellAnchor>
  <xdr:twoCellAnchor>
    <xdr:from>
      <xdr:col>2</xdr:col>
      <xdr:colOff>418394</xdr:colOff>
      <xdr:row>70</xdr:row>
      <xdr:rowOff>312400</xdr:rowOff>
    </xdr:from>
    <xdr:to>
      <xdr:col>2</xdr:col>
      <xdr:colOff>993906</xdr:colOff>
      <xdr:row>71</xdr:row>
      <xdr:rowOff>211666</xdr:rowOff>
    </xdr:to>
    <xdr:pic>
      <xdr:nvPicPr>
        <xdr:cNvPr id="28" name="图片 70" descr="IPC2124SS-ADF28(40)KM-FR">
          <a:extLst>
            <a:ext uri="{FF2B5EF4-FFF2-40B4-BE49-F238E27FC236}">
              <a16:creationId xmlns="" xmlns:a16="http://schemas.microsoft.com/office/drawing/2014/main" id="{5854E823-A69B-4564-8507-6F1139D9ED8E}"/>
            </a:ext>
          </a:extLst>
        </xdr:cNvPr>
        <xdr:cNvPicPr>
          <a:picLocks noChangeAspect="1" noChangeArrowheads="1"/>
        </xdr:cNvPicPr>
      </xdr:nvPicPr>
      <xdr:blipFill>
        <a:blip xmlns:r="http://schemas.openxmlformats.org/officeDocument/2006/relationships" r:embed="rId22" cstate="screen">
          <a:extLst>
            <a:ext uri="{28A0092B-C50C-407E-A947-70E740481C1C}">
              <a14:useLocalDpi xmlns:a14="http://schemas.microsoft.com/office/drawing/2010/main" xmlns=""/>
            </a:ext>
          </a:extLst>
        </a:blip>
        <a:srcRect/>
        <a:stretch>
          <a:fillRect/>
        </a:stretch>
      </xdr:blipFill>
      <xdr:spPr bwMode="auto">
        <a:xfrm>
          <a:off x="2191535" y="27895475"/>
          <a:ext cx="575512" cy="28092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2</xdr:col>
      <xdr:colOff>280988</xdr:colOff>
      <xdr:row>86</xdr:row>
      <xdr:rowOff>84140</xdr:rowOff>
    </xdr:from>
    <xdr:ext cx="419100" cy="366713"/>
    <xdr:pic>
      <xdr:nvPicPr>
        <xdr:cNvPr id="29" name="图片 45">
          <a:extLst>
            <a:ext uri="{FF2B5EF4-FFF2-40B4-BE49-F238E27FC236}">
              <a16:creationId xmlns="" xmlns:a16="http://schemas.microsoft.com/office/drawing/2014/main" id="{0535BB07-CB13-435F-B41E-B5AC728339F3}"/>
            </a:ext>
          </a:extLst>
        </xdr:cNvPr>
        <xdr:cNvPicPr>
          <a:picLocks noChangeAspect="1"/>
        </xdr:cNvPicPr>
      </xdr:nvPicPr>
      <xdr:blipFill>
        <a:blip xmlns:r="http://schemas.openxmlformats.org/officeDocument/2006/relationships" r:embed="rId23" cstate="email">
          <a:extLst>
            <a:ext uri="{28A0092B-C50C-407E-A947-70E740481C1C}">
              <a14:useLocalDpi xmlns:a14="http://schemas.microsoft.com/office/drawing/2010/main" xmlns=""/>
            </a:ext>
          </a:extLst>
        </a:blip>
        <a:stretch>
          <a:fillRect/>
        </a:stretch>
      </xdr:blipFill>
      <xdr:spPr>
        <a:xfrm>
          <a:off x="2054129" y="33773817"/>
          <a:ext cx="419100" cy="366713"/>
        </a:xfrm>
        <a:prstGeom prst="rect">
          <a:avLst/>
        </a:prstGeom>
      </xdr:spPr>
    </xdr:pic>
    <xdr:clientData/>
  </xdr:oneCellAnchor>
  <xdr:oneCellAnchor>
    <xdr:from>
      <xdr:col>2</xdr:col>
      <xdr:colOff>262890</xdr:colOff>
      <xdr:row>82</xdr:row>
      <xdr:rowOff>227123</xdr:rowOff>
    </xdr:from>
    <xdr:ext cx="419100" cy="357188"/>
    <xdr:pic>
      <xdr:nvPicPr>
        <xdr:cNvPr id="30" name="图片 28">
          <a:extLst>
            <a:ext uri="{FF2B5EF4-FFF2-40B4-BE49-F238E27FC236}">
              <a16:creationId xmlns="" xmlns:a16="http://schemas.microsoft.com/office/drawing/2014/main" id="{BCD535EA-EC70-47EC-A69E-C9A803CA6764}"/>
            </a:ext>
          </a:extLst>
        </xdr:cNvPr>
        <xdr:cNvPicPr>
          <a:picLocks noChangeAspect="1"/>
        </xdr:cNvPicPr>
      </xdr:nvPicPr>
      <xdr:blipFill>
        <a:blip xmlns:r="http://schemas.openxmlformats.org/officeDocument/2006/relationships" r:embed="rId24" cstate="email">
          <a:extLst>
            <a:ext uri="{28A0092B-C50C-407E-A947-70E740481C1C}">
              <a14:useLocalDpi xmlns:a14="http://schemas.microsoft.com/office/drawing/2010/main" xmlns=""/>
            </a:ext>
          </a:extLst>
        </a:blip>
        <a:stretch>
          <a:fillRect/>
        </a:stretch>
      </xdr:blipFill>
      <xdr:spPr>
        <a:xfrm>
          <a:off x="2036031" y="32390149"/>
          <a:ext cx="419100" cy="357188"/>
        </a:xfrm>
        <a:prstGeom prst="rect">
          <a:avLst/>
        </a:prstGeom>
      </xdr:spPr>
    </xdr:pic>
    <xdr:clientData/>
  </xdr:oneCellAnchor>
  <xdr:oneCellAnchor>
    <xdr:from>
      <xdr:col>2</xdr:col>
      <xdr:colOff>257330</xdr:colOff>
      <xdr:row>84</xdr:row>
      <xdr:rowOff>204256</xdr:rowOff>
    </xdr:from>
    <xdr:ext cx="404869" cy="352474"/>
    <xdr:pic>
      <xdr:nvPicPr>
        <xdr:cNvPr id="31" name="Picture 4" descr="\\info-server\产品资料库\09-01-产品图片库\02-海外\01- Network Camera\UNV\3. fixed dome camera\IPC32X series\IPC32X\IPC32X.png">
          <a:extLst>
            <a:ext uri="{FF2B5EF4-FFF2-40B4-BE49-F238E27FC236}">
              <a16:creationId xmlns="" xmlns:a16="http://schemas.microsoft.com/office/drawing/2014/main" id="{0B08E3ED-7260-48D0-9B86-ECD9211C950E}"/>
            </a:ext>
          </a:extLst>
        </xdr:cNvPr>
        <xdr:cNvPicPr>
          <a:picLocks noChangeAspect="1" noChangeArrowheads="1"/>
        </xdr:cNvPicPr>
      </xdr:nvPicPr>
      <xdr:blipFill>
        <a:blip xmlns:r="http://schemas.openxmlformats.org/officeDocument/2006/relationships" r:embed="rId25" cstate="email">
          <a:extLst>
            <a:ext uri="{28A0092B-C50C-407E-A947-70E740481C1C}">
              <a14:useLocalDpi xmlns:a14="http://schemas.microsoft.com/office/drawing/2010/main" xmlns=""/>
            </a:ext>
          </a:extLst>
        </a:blip>
        <a:srcRect/>
        <a:stretch>
          <a:fillRect/>
        </a:stretch>
      </xdr:blipFill>
      <xdr:spPr>
        <a:xfrm>
          <a:off x="2030471" y="33130607"/>
          <a:ext cx="404869" cy="352474"/>
        </a:xfrm>
        <a:prstGeom prst="rect">
          <a:avLst/>
        </a:prstGeom>
        <a:noFill/>
      </xdr:spPr>
    </xdr:pic>
    <xdr:clientData/>
  </xdr:oneCellAnchor>
  <xdr:oneCellAnchor>
    <xdr:from>
      <xdr:col>2</xdr:col>
      <xdr:colOff>302861</xdr:colOff>
      <xdr:row>81</xdr:row>
      <xdr:rowOff>30</xdr:rowOff>
    </xdr:from>
    <xdr:ext cx="419100" cy="357188"/>
    <xdr:pic>
      <xdr:nvPicPr>
        <xdr:cNvPr id="32" name="图片 29">
          <a:extLst>
            <a:ext uri="{FF2B5EF4-FFF2-40B4-BE49-F238E27FC236}">
              <a16:creationId xmlns="" xmlns:a16="http://schemas.microsoft.com/office/drawing/2014/main" id="{6BDDCD24-97DF-47C6-9A25-E5DCD8E7461D}"/>
            </a:ext>
          </a:extLst>
        </xdr:cNvPr>
        <xdr:cNvPicPr>
          <a:picLocks noChangeAspect="1"/>
        </xdr:cNvPicPr>
      </xdr:nvPicPr>
      <xdr:blipFill>
        <a:blip xmlns:r="http://schemas.openxmlformats.org/officeDocument/2006/relationships" r:embed="rId26" cstate="email">
          <a:extLst>
            <a:ext uri="{28A0092B-C50C-407E-A947-70E740481C1C}">
              <a14:useLocalDpi xmlns:a14="http://schemas.microsoft.com/office/drawing/2010/main" xmlns=""/>
            </a:ext>
          </a:extLst>
        </a:blip>
        <a:stretch>
          <a:fillRect/>
        </a:stretch>
      </xdr:blipFill>
      <xdr:spPr>
        <a:xfrm>
          <a:off x="2076002" y="31781393"/>
          <a:ext cx="419100" cy="357188"/>
        </a:xfrm>
        <a:prstGeom prst="rect">
          <a:avLst/>
        </a:prstGeom>
      </xdr:spPr>
    </xdr:pic>
    <xdr:clientData/>
  </xdr:oneCellAnchor>
  <xdr:twoCellAnchor>
    <xdr:from>
      <xdr:col>2</xdr:col>
      <xdr:colOff>374091</xdr:colOff>
      <xdr:row>88</xdr:row>
      <xdr:rowOff>70535</xdr:rowOff>
    </xdr:from>
    <xdr:to>
      <xdr:col>2</xdr:col>
      <xdr:colOff>922352</xdr:colOff>
      <xdr:row>88</xdr:row>
      <xdr:rowOff>365760</xdr:rowOff>
    </xdr:to>
    <xdr:pic>
      <xdr:nvPicPr>
        <xdr:cNvPr id="33" name="Picture 3" descr="\\info-server\产品资料库\09-01-产品图片库\01-国内\01-摄像机\蝶形机\蝶形机_F.png">
          <a:extLst>
            <a:ext uri="{FF2B5EF4-FFF2-40B4-BE49-F238E27FC236}">
              <a16:creationId xmlns="" xmlns:a16="http://schemas.microsoft.com/office/drawing/2014/main" id="{32708872-40E6-4588-BB60-D99E107A90B9}"/>
            </a:ext>
          </a:extLst>
        </xdr:cNvPr>
        <xdr:cNvPicPr>
          <a:picLocks noChangeAspect="1" noChangeArrowheads="1"/>
        </xdr:cNvPicPr>
      </xdr:nvPicPr>
      <xdr:blipFill>
        <a:blip xmlns:r="http://schemas.openxmlformats.org/officeDocument/2006/relationships" r:embed="rId27" cstate="email">
          <a:extLst>
            <a:ext uri="{28A0092B-C50C-407E-A947-70E740481C1C}">
              <a14:useLocalDpi xmlns:a14="http://schemas.microsoft.com/office/drawing/2010/main" xmlns=""/>
            </a:ext>
          </a:extLst>
        </a:blip>
        <a:srcRect/>
        <a:stretch>
          <a:fillRect/>
        </a:stretch>
      </xdr:blipFill>
      <xdr:spPr>
        <a:xfrm>
          <a:off x="2147232" y="34523537"/>
          <a:ext cx="548261" cy="295225"/>
        </a:xfrm>
        <a:prstGeom prst="rect">
          <a:avLst/>
        </a:prstGeom>
        <a:noFill/>
      </xdr:spPr>
    </xdr:pic>
    <xdr:clientData/>
  </xdr:twoCellAnchor>
  <xdr:twoCellAnchor>
    <xdr:from>
      <xdr:col>2</xdr:col>
      <xdr:colOff>438443</xdr:colOff>
      <xdr:row>89</xdr:row>
      <xdr:rowOff>280895</xdr:rowOff>
    </xdr:from>
    <xdr:to>
      <xdr:col>2</xdr:col>
      <xdr:colOff>914399</xdr:colOff>
      <xdr:row>90</xdr:row>
      <xdr:rowOff>127221</xdr:rowOff>
    </xdr:to>
    <xdr:pic>
      <xdr:nvPicPr>
        <xdr:cNvPr id="34" name="Picture 3" descr="\\info-server\产品资料库\09-01-产品图片库\01-国内\01-摄像机\蝶形机\蝶形机_F.png">
          <a:extLst>
            <a:ext uri="{FF2B5EF4-FFF2-40B4-BE49-F238E27FC236}">
              <a16:creationId xmlns="" xmlns:a16="http://schemas.microsoft.com/office/drawing/2014/main" id="{F7E75D4D-9786-4F81-8088-6F4D2E4807F4}"/>
            </a:ext>
          </a:extLst>
        </xdr:cNvPr>
        <xdr:cNvPicPr>
          <a:picLocks noChangeAspect="1" noChangeArrowheads="1"/>
        </xdr:cNvPicPr>
      </xdr:nvPicPr>
      <xdr:blipFill>
        <a:blip xmlns:r="http://schemas.openxmlformats.org/officeDocument/2006/relationships" r:embed="rId28" cstate="email">
          <a:extLst>
            <a:ext uri="{28A0092B-C50C-407E-A947-70E740481C1C}">
              <a14:useLocalDpi xmlns:a14="http://schemas.microsoft.com/office/drawing/2010/main" xmlns=""/>
            </a:ext>
          </a:extLst>
        </a:blip>
        <a:srcRect/>
        <a:stretch>
          <a:fillRect/>
        </a:stretch>
      </xdr:blipFill>
      <xdr:spPr>
        <a:xfrm>
          <a:off x="2211584" y="35115559"/>
          <a:ext cx="475956" cy="227989"/>
        </a:xfrm>
        <a:prstGeom prst="rect">
          <a:avLst/>
        </a:prstGeom>
        <a:noFill/>
      </xdr:spPr>
    </xdr:pic>
    <xdr:clientData/>
  </xdr:twoCellAnchor>
  <xdr:oneCellAnchor>
    <xdr:from>
      <xdr:col>2</xdr:col>
      <xdr:colOff>275167</xdr:colOff>
      <xdr:row>78</xdr:row>
      <xdr:rowOff>289278</xdr:rowOff>
    </xdr:from>
    <xdr:ext cx="527915" cy="298730"/>
    <xdr:pic>
      <xdr:nvPicPr>
        <xdr:cNvPr id="35" name="图片 84" descr="\\Inforsrv-new\产品资料库\05-产品宣传彩页\英文版\01 IPC\01 IPC\3.Prime I\Dome\4MP\UNV IPC324SR3-DVPF28(40)-F\图片\-F半球_F.png">
          <a:extLst>
            <a:ext uri="{FF2B5EF4-FFF2-40B4-BE49-F238E27FC236}">
              <a16:creationId xmlns="" xmlns:a16="http://schemas.microsoft.com/office/drawing/2014/main" id="{A0A72C3D-68FD-4283-B7D5-3CEDC1504325}"/>
            </a:ext>
          </a:extLst>
        </xdr:cNvPr>
        <xdr:cNvPicPr/>
      </xdr:nvPicPr>
      <xdr:blipFill rotWithShape="1">
        <a:blip xmlns:r="http://schemas.openxmlformats.org/officeDocument/2006/relationships" r:embed="rId29" cstate="screen">
          <a:extLst>
            <a:ext uri="{28A0092B-C50C-407E-A947-70E740481C1C}">
              <a14:useLocalDpi xmlns:a14="http://schemas.microsoft.com/office/drawing/2010/main" xmlns=""/>
            </a:ext>
          </a:extLst>
        </a:blip>
        <a:srcRect/>
        <a:stretch/>
      </xdr:blipFill>
      <xdr:spPr bwMode="auto">
        <a:xfrm>
          <a:off x="2048308" y="30925654"/>
          <a:ext cx="527915" cy="298730"/>
        </a:xfrm>
        <a:prstGeom prst="rect">
          <a:avLst/>
        </a:prstGeom>
        <a:noFill/>
        <a:ln>
          <a:noFill/>
        </a:ln>
        <a:extLst>
          <a:ext uri="{53640926-AAD7-44D8-BBD7-CCE9431645EC}">
            <a14:shadowObscured xmlns:a14="http://schemas.microsoft.com/office/drawing/2010/main" xmlns=""/>
          </a:ext>
        </a:extLst>
      </xdr:spPr>
    </xdr:pic>
    <xdr:clientData/>
  </xdr:oneCellAnchor>
  <xdr:twoCellAnchor>
    <xdr:from>
      <xdr:col>2</xdr:col>
      <xdr:colOff>204611</xdr:colOff>
      <xdr:row>92</xdr:row>
      <xdr:rowOff>127221</xdr:rowOff>
    </xdr:from>
    <xdr:to>
      <xdr:col>2</xdr:col>
      <xdr:colOff>1090626</xdr:colOff>
      <xdr:row>93</xdr:row>
      <xdr:rowOff>1472</xdr:rowOff>
    </xdr:to>
    <xdr:pic>
      <xdr:nvPicPr>
        <xdr:cNvPr id="36" name="图片 83" descr="IPC2324SS-DZK-LF">
          <a:extLst>
            <a:ext uri="{FF2B5EF4-FFF2-40B4-BE49-F238E27FC236}">
              <a16:creationId xmlns="" xmlns:a16="http://schemas.microsoft.com/office/drawing/2014/main" id="{EBDC50C0-409B-483F-8536-65E7773C3B92}"/>
            </a:ext>
          </a:extLst>
        </xdr:cNvPr>
        <xdr:cNvPicPr>
          <a:picLocks noChangeAspect="1" noChangeArrowheads="1"/>
        </xdr:cNvPicPr>
      </xdr:nvPicPr>
      <xdr:blipFill>
        <a:blip xmlns:r="http://schemas.openxmlformats.org/officeDocument/2006/relationships" r:embed="rId30" cstate="screen">
          <a:extLst>
            <a:ext uri="{28A0092B-C50C-407E-A947-70E740481C1C}">
              <a14:useLocalDpi xmlns:a14="http://schemas.microsoft.com/office/drawing/2010/main" xmlns=""/>
            </a:ext>
          </a:extLst>
        </a:blip>
        <a:srcRect/>
        <a:stretch>
          <a:fillRect/>
        </a:stretch>
      </xdr:blipFill>
      <xdr:spPr bwMode="auto">
        <a:xfrm>
          <a:off x="1977752" y="36488536"/>
          <a:ext cx="886015" cy="25591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xdr:spPr>
    </xdr:pic>
    <xdr:clientData/>
  </xdr:twoCellAnchor>
  <xdr:oneCellAnchor>
    <xdr:from>
      <xdr:col>2</xdr:col>
      <xdr:colOff>284774</xdr:colOff>
      <xdr:row>92</xdr:row>
      <xdr:rowOff>339053</xdr:rowOff>
    </xdr:from>
    <xdr:ext cx="923925" cy="457198"/>
    <xdr:pic>
      <xdr:nvPicPr>
        <xdr:cNvPr id="37" name="图片 26" descr="\\info-server\产品资料库\09-01-产品图片库\02-海外\01- Network Camera\UNV\2. bullet camera\IPC232X series\新\png-用于胶片或网站\IPC232X_FL.png">
          <a:extLst>
            <a:ext uri="{FF2B5EF4-FFF2-40B4-BE49-F238E27FC236}">
              <a16:creationId xmlns="" xmlns:a16="http://schemas.microsoft.com/office/drawing/2014/main" id="{23CF1AB4-9BD7-4182-9B9B-518552227867}"/>
            </a:ext>
          </a:extLst>
        </xdr:cNvPr>
        <xdr:cNvPicPr/>
      </xdr:nvPicPr>
      <xdr:blipFill>
        <a:blip xmlns:r="http://schemas.openxmlformats.org/officeDocument/2006/relationships" r:embed="rId31" cstate="email">
          <a:extLst>
            <a:ext uri="{28A0092B-C50C-407E-A947-70E740481C1C}">
              <a14:useLocalDpi xmlns:a14="http://schemas.microsoft.com/office/drawing/2010/main" xmlns=""/>
            </a:ext>
          </a:extLst>
        </a:blip>
        <a:srcRect/>
        <a:stretch>
          <a:fillRect/>
        </a:stretch>
      </xdr:blipFill>
      <xdr:spPr>
        <a:xfrm>
          <a:off x="2057915" y="36700368"/>
          <a:ext cx="923925" cy="457198"/>
        </a:xfrm>
        <a:prstGeom prst="rect">
          <a:avLst/>
        </a:prstGeom>
        <a:noFill/>
        <a:ln>
          <a:noFill/>
        </a:ln>
      </xdr:spPr>
    </xdr:pic>
    <xdr:clientData/>
  </xdr:oneCellAnchor>
  <xdr:oneCellAnchor>
    <xdr:from>
      <xdr:col>2</xdr:col>
      <xdr:colOff>275561</xdr:colOff>
      <xdr:row>96</xdr:row>
      <xdr:rowOff>342071</xdr:rowOff>
    </xdr:from>
    <xdr:ext cx="957792" cy="457198"/>
    <xdr:pic>
      <xdr:nvPicPr>
        <xdr:cNvPr id="38" name="图片 35" descr="\\info-server\产品资料库\09-01-产品图片库\02-海外\01- Network Camera\UNV\2. bullet camera\IPC232X series\新\png-用于胶片或网站\IPC232X_FL.png">
          <a:extLst>
            <a:ext uri="{FF2B5EF4-FFF2-40B4-BE49-F238E27FC236}">
              <a16:creationId xmlns="" xmlns:a16="http://schemas.microsoft.com/office/drawing/2014/main" id="{C2258442-4B3B-4699-95A1-B7DD9496F5E5}"/>
            </a:ext>
          </a:extLst>
        </xdr:cNvPr>
        <xdr:cNvPicPr/>
      </xdr:nvPicPr>
      <xdr:blipFill>
        <a:blip xmlns:r="http://schemas.openxmlformats.org/officeDocument/2006/relationships" r:embed="rId32" cstate="email">
          <a:extLst>
            <a:ext uri="{28A0092B-C50C-407E-A947-70E740481C1C}">
              <a14:useLocalDpi xmlns:a14="http://schemas.microsoft.com/office/drawing/2010/main" xmlns=""/>
            </a:ext>
          </a:extLst>
        </a:blip>
        <a:srcRect/>
        <a:stretch>
          <a:fillRect/>
        </a:stretch>
      </xdr:blipFill>
      <xdr:spPr>
        <a:xfrm>
          <a:off x="2048702" y="38230036"/>
          <a:ext cx="957792" cy="457198"/>
        </a:xfrm>
        <a:prstGeom prst="rect">
          <a:avLst/>
        </a:prstGeom>
        <a:noFill/>
        <a:ln>
          <a:noFill/>
        </a:ln>
      </xdr:spPr>
    </xdr:pic>
    <xdr:clientData/>
  </xdr:oneCellAnchor>
  <xdr:oneCellAnchor>
    <xdr:from>
      <xdr:col>2</xdr:col>
      <xdr:colOff>298115</xdr:colOff>
      <xdr:row>94</xdr:row>
      <xdr:rowOff>223920</xdr:rowOff>
    </xdr:from>
    <xdr:ext cx="914345" cy="577851"/>
    <xdr:pic>
      <xdr:nvPicPr>
        <xdr:cNvPr id="39" name="Picture 2" descr="\\info-server\产品资料库\09-01-产品图片库\02-海外\01- Network Camera\UNV\2. bullet camera\IPC232X series\新\png-用于胶片或网站\IPC232X_FL.png">
          <a:extLst>
            <a:ext uri="{FF2B5EF4-FFF2-40B4-BE49-F238E27FC236}">
              <a16:creationId xmlns="" xmlns:a16="http://schemas.microsoft.com/office/drawing/2014/main" id="{427A536F-20E5-4BD5-9D9B-5E5D7343A7E9}"/>
            </a:ext>
          </a:extLst>
        </xdr:cNvPr>
        <xdr:cNvPicPr>
          <a:picLocks noChangeAspect="1" noChangeArrowheads="1"/>
        </xdr:cNvPicPr>
      </xdr:nvPicPr>
      <xdr:blipFill>
        <a:blip xmlns:r="http://schemas.openxmlformats.org/officeDocument/2006/relationships" r:embed="rId33" cstate="email">
          <a:extLst>
            <a:ext uri="{28A0092B-C50C-407E-A947-70E740481C1C}">
              <a14:useLocalDpi xmlns:a14="http://schemas.microsoft.com/office/drawing/2010/main" xmlns=""/>
            </a:ext>
          </a:extLst>
        </a:blip>
        <a:srcRect/>
        <a:stretch>
          <a:fillRect/>
        </a:stretch>
      </xdr:blipFill>
      <xdr:spPr>
        <a:xfrm>
          <a:off x="2071256" y="37348560"/>
          <a:ext cx="914345" cy="577851"/>
        </a:xfrm>
        <a:prstGeom prst="rect">
          <a:avLst/>
        </a:prstGeom>
        <a:noFill/>
      </xdr:spPr>
    </xdr:pic>
    <xdr:clientData/>
  </xdr:oneCellAnchor>
  <xdr:oneCellAnchor>
    <xdr:from>
      <xdr:col>2</xdr:col>
      <xdr:colOff>395222</xdr:colOff>
      <xdr:row>99</xdr:row>
      <xdr:rowOff>67647</xdr:rowOff>
    </xdr:from>
    <xdr:ext cx="391958" cy="321967"/>
    <xdr:pic>
      <xdr:nvPicPr>
        <xdr:cNvPr id="40" name="图片 82" descr="方视窗海螺-F">
          <a:extLst>
            <a:ext uri="{FF2B5EF4-FFF2-40B4-BE49-F238E27FC236}">
              <a16:creationId xmlns="" xmlns:a16="http://schemas.microsoft.com/office/drawing/2014/main" id="{737096CF-9AB3-4CF1-9BE9-B721E7AC6DF7}"/>
            </a:ext>
          </a:extLst>
        </xdr:cNvPr>
        <xdr:cNvPicPr/>
      </xdr:nvPicPr>
      <xdr:blipFill>
        <a:blip xmlns:r="http://schemas.openxmlformats.org/officeDocument/2006/relationships" r:embed="rId34" cstate="screen">
          <a:extLst>
            <a:ext uri="{28A0092B-C50C-407E-A947-70E740481C1C}">
              <a14:useLocalDpi xmlns:a14="http://schemas.microsoft.com/office/drawing/2010/main" xmlns=""/>
            </a:ext>
          </a:extLst>
        </a:blip>
        <a:srcRect/>
        <a:stretch>
          <a:fillRect/>
        </a:stretch>
      </xdr:blipFill>
      <xdr:spPr bwMode="auto">
        <a:xfrm>
          <a:off x="2168363" y="39100600"/>
          <a:ext cx="391958" cy="321967"/>
        </a:xfrm>
        <a:prstGeom prst="rect">
          <a:avLst/>
        </a:prstGeom>
        <a:noFill/>
        <a:ln>
          <a:noFill/>
        </a:ln>
      </xdr:spPr>
    </xdr:pic>
    <xdr:clientData/>
  </xdr:oneCellAnchor>
  <xdr:oneCellAnchor>
    <xdr:from>
      <xdr:col>2</xdr:col>
      <xdr:colOff>418619</xdr:colOff>
      <xdr:row>100</xdr:row>
      <xdr:rowOff>63097</xdr:rowOff>
    </xdr:from>
    <xdr:ext cx="432171" cy="366273"/>
    <xdr:pic>
      <xdr:nvPicPr>
        <xdr:cNvPr id="41" name="图片 34" descr="\\info-server\产品资料库\09-01-产品图片库\01-国内\01-摄像机\IPC3238ER3-DVZ、IPC3232ER3-DUVZ\png-用于胶片或网站\IPC3238ER3-DVZ、IPC3232ER3-DUVZ_F.png">
          <a:extLst>
            <a:ext uri="{FF2B5EF4-FFF2-40B4-BE49-F238E27FC236}">
              <a16:creationId xmlns="" xmlns:a16="http://schemas.microsoft.com/office/drawing/2014/main" id="{54BF6DB6-D9A5-4406-9523-54703AD03E73}"/>
            </a:ext>
          </a:extLst>
        </xdr:cNvPr>
        <xdr:cNvPicPr/>
      </xdr:nvPicPr>
      <xdr:blipFill>
        <a:blip xmlns:r="http://schemas.openxmlformats.org/officeDocument/2006/relationships" r:embed="rId35" cstate="email">
          <a:extLst>
            <a:ext uri="{28A0092B-C50C-407E-A947-70E740481C1C}">
              <a14:useLocalDpi xmlns:a14="http://schemas.microsoft.com/office/drawing/2010/main" xmlns=""/>
            </a:ext>
          </a:extLst>
        </a:blip>
        <a:srcRect/>
        <a:stretch>
          <a:fillRect/>
        </a:stretch>
      </xdr:blipFill>
      <xdr:spPr>
        <a:xfrm>
          <a:off x="2191760" y="39477713"/>
          <a:ext cx="432171" cy="366273"/>
        </a:xfrm>
        <a:prstGeom prst="rect">
          <a:avLst/>
        </a:prstGeom>
        <a:noFill/>
        <a:ln>
          <a:noFill/>
        </a:ln>
      </xdr:spPr>
    </xdr:pic>
    <xdr:clientData/>
  </xdr:oneCellAnchor>
  <xdr:oneCellAnchor>
    <xdr:from>
      <xdr:col>2</xdr:col>
      <xdr:colOff>484114</xdr:colOff>
      <xdr:row>102</xdr:row>
      <xdr:rowOff>49126</xdr:rowOff>
    </xdr:from>
    <xdr:ext cx="438237" cy="336114"/>
    <xdr:pic>
      <xdr:nvPicPr>
        <xdr:cNvPr id="42" name="图片 33">
          <a:extLst>
            <a:ext uri="{FF2B5EF4-FFF2-40B4-BE49-F238E27FC236}">
              <a16:creationId xmlns="" xmlns:a16="http://schemas.microsoft.com/office/drawing/2014/main" id="{95659C11-B3D8-4A40-8B95-0A5EA9EFB070}"/>
            </a:ext>
          </a:extLst>
        </xdr:cNvPr>
        <xdr:cNvPicPr>
          <a:picLocks noChangeAspect="1"/>
        </xdr:cNvPicPr>
      </xdr:nvPicPr>
      <xdr:blipFill>
        <a:blip xmlns:r="http://schemas.openxmlformats.org/officeDocument/2006/relationships" r:embed="rId36" cstate="email">
          <a:extLst>
            <a:ext uri="{28A0092B-C50C-407E-A947-70E740481C1C}">
              <a14:useLocalDpi xmlns:a14="http://schemas.microsoft.com/office/drawing/2010/main" xmlns=""/>
            </a:ext>
          </a:extLst>
        </a:blip>
        <a:stretch>
          <a:fillRect/>
        </a:stretch>
      </xdr:blipFill>
      <xdr:spPr>
        <a:xfrm>
          <a:off x="2257255" y="40227067"/>
          <a:ext cx="438237" cy="336114"/>
        </a:xfrm>
        <a:prstGeom prst="rect">
          <a:avLst/>
        </a:prstGeom>
      </xdr:spPr>
    </xdr:pic>
    <xdr:clientData/>
  </xdr:oneCellAnchor>
  <xdr:oneCellAnchor>
    <xdr:from>
      <xdr:col>2</xdr:col>
      <xdr:colOff>504737</xdr:colOff>
      <xdr:row>102</xdr:row>
      <xdr:rowOff>353525</xdr:rowOff>
    </xdr:from>
    <xdr:ext cx="505765" cy="409800"/>
    <xdr:pic>
      <xdr:nvPicPr>
        <xdr:cNvPr id="43" name="图片 36">
          <a:extLst>
            <a:ext uri="{FF2B5EF4-FFF2-40B4-BE49-F238E27FC236}">
              <a16:creationId xmlns="" xmlns:a16="http://schemas.microsoft.com/office/drawing/2014/main" id="{4261E4FE-07E6-44CB-8AF5-CC261C23B71A}"/>
            </a:ext>
          </a:extLst>
        </xdr:cNvPr>
        <xdr:cNvPicPr>
          <a:picLocks noChangeAspect="1"/>
        </xdr:cNvPicPr>
      </xdr:nvPicPr>
      <xdr:blipFill>
        <a:blip xmlns:r="http://schemas.openxmlformats.org/officeDocument/2006/relationships" r:embed="rId37" cstate="email">
          <a:extLst>
            <a:ext uri="{28A0092B-C50C-407E-A947-70E740481C1C}">
              <a14:useLocalDpi xmlns:a14="http://schemas.microsoft.com/office/drawing/2010/main" xmlns=""/>
            </a:ext>
          </a:extLst>
        </a:blip>
        <a:stretch>
          <a:fillRect/>
        </a:stretch>
      </xdr:blipFill>
      <xdr:spPr>
        <a:xfrm>
          <a:off x="2277878" y="40531466"/>
          <a:ext cx="505765" cy="409800"/>
        </a:xfrm>
        <a:prstGeom prst="rect">
          <a:avLst/>
        </a:prstGeom>
      </xdr:spPr>
    </xdr:pic>
    <xdr:clientData/>
  </xdr:oneCellAnchor>
  <xdr:oneCellAnchor>
    <xdr:from>
      <xdr:col>2</xdr:col>
      <xdr:colOff>263171</xdr:colOff>
      <xdr:row>111</xdr:row>
      <xdr:rowOff>29953</xdr:rowOff>
    </xdr:from>
    <xdr:ext cx="603521" cy="272197"/>
    <xdr:pic>
      <xdr:nvPicPr>
        <xdr:cNvPr id="44" name="图片 55">
          <a:extLst>
            <a:ext uri="{FF2B5EF4-FFF2-40B4-BE49-F238E27FC236}">
              <a16:creationId xmlns="" xmlns:a16="http://schemas.microsoft.com/office/drawing/2014/main" id="{7A7ADCCB-00EF-4E14-8E34-EA5CB6E59BF0}"/>
            </a:ext>
          </a:extLst>
        </xdr:cNvPr>
        <xdr:cNvPicPr/>
      </xdr:nvPicPr>
      <xdr:blipFill>
        <a:blip xmlns:r="http://schemas.openxmlformats.org/officeDocument/2006/relationships" r:embed="rId38" cstate="email">
          <a:extLst>
            <a:ext uri="{28A0092B-C50C-407E-A947-70E740481C1C}">
              <a14:useLocalDpi xmlns:a14="http://schemas.microsoft.com/office/drawing/2010/main" xmlns=""/>
            </a:ext>
          </a:extLst>
        </a:blip>
        <a:stretch>
          <a:fillRect/>
        </a:stretch>
      </xdr:blipFill>
      <xdr:spPr>
        <a:xfrm>
          <a:off x="2036312" y="43642857"/>
          <a:ext cx="603521" cy="272197"/>
        </a:xfrm>
        <a:prstGeom prst="rect">
          <a:avLst/>
        </a:prstGeom>
      </xdr:spPr>
    </xdr:pic>
    <xdr:clientData/>
  </xdr:oneCellAnchor>
  <xdr:oneCellAnchor>
    <xdr:from>
      <xdr:col>2</xdr:col>
      <xdr:colOff>175651</xdr:colOff>
      <xdr:row>104</xdr:row>
      <xdr:rowOff>345433</xdr:rowOff>
    </xdr:from>
    <xdr:ext cx="893882" cy="633506"/>
    <xdr:pic>
      <xdr:nvPicPr>
        <xdr:cNvPr id="45" name="Picture 2" descr="\\info-server\产品资料库\09-01-产品图片库\02-海外\01- Network Camera\UNV\3. fixed dome camera\IPC323X series\新\IPC3238ER3-DVZ、IPC3232ER3-DUVZ\png-用于胶片或网站\IPC3238ER3-DVZ、IPC3232ER3-DUVZ_F.png">
          <a:extLst>
            <a:ext uri="{FF2B5EF4-FFF2-40B4-BE49-F238E27FC236}">
              <a16:creationId xmlns="" xmlns:a16="http://schemas.microsoft.com/office/drawing/2014/main" id="{E98B6257-379D-4CBA-A3D5-3161CF2202EE}"/>
            </a:ext>
          </a:extLst>
        </xdr:cNvPr>
        <xdr:cNvPicPr>
          <a:picLocks noChangeAspect="1" noChangeArrowheads="1"/>
        </xdr:cNvPicPr>
      </xdr:nvPicPr>
      <xdr:blipFill>
        <a:blip xmlns:r="http://schemas.openxmlformats.org/officeDocument/2006/relationships" r:embed="rId39" cstate="email">
          <a:extLst>
            <a:ext uri="{28A0092B-C50C-407E-A947-70E740481C1C}">
              <a14:useLocalDpi xmlns:a14="http://schemas.microsoft.com/office/drawing/2010/main" xmlns=""/>
            </a:ext>
          </a:extLst>
        </a:blip>
        <a:srcRect/>
        <a:stretch>
          <a:fillRect/>
        </a:stretch>
      </xdr:blipFill>
      <xdr:spPr>
        <a:xfrm>
          <a:off x="1948792" y="41286699"/>
          <a:ext cx="893882" cy="633506"/>
        </a:xfrm>
        <a:prstGeom prst="rect">
          <a:avLst/>
        </a:prstGeom>
        <a:noFill/>
      </xdr:spPr>
    </xdr:pic>
    <xdr:clientData/>
  </xdr:oneCellAnchor>
  <xdr:oneCellAnchor>
    <xdr:from>
      <xdr:col>2</xdr:col>
      <xdr:colOff>384898</xdr:colOff>
      <xdr:row>108</xdr:row>
      <xdr:rowOff>110289</xdr:rowOff>
    </xdr:from>
    <xdr:ext cx="550867" cy="573523"/>
    <xdr:pic>
      <xdr:nvPicPr>
        <xdr:cNvPr id="46" name="Picture 2">
          <a:extLst>
            <a:ext uri="{FF2B5EF4-FFF2-40B4-BE49-F238E27FC236}">
              <a16:creationId xmlns="" xmlns:a16="http://schemas.microsoft.com/office/drawing/2014/main" id="{91CA2E7E-B354-4344-B1DD-819951FCEAE1}"/>
            </a:ext>
          </a:extLst>
        </xdr:cNvPr>
        <xdr:cNvPicPr>
          <a:picLocks noChangeAspect="1" noChangeArrowheads="1"/>
        </xdr:cNvPicPr>
      </xdr:nvPicPr>
      <xdr:blipFill>
        <a:blip xmlns:r="http://schemas.openxmlformats.org/officeDocument/2006/relationships" r:embed="rId40" cstate="email">
          <a:extLst>
            <a:ext uri="{28A0092B-C50C-407E-A947-70E740481C1C}">
              <a14:useLocalDpi xmlns:a14="http://schemas.microsoft.com/office/drawing/2010/main" xmlns=""/>
            </a:ext>
          </a:extLst>
        </a:blip>
        <a:srcRect/>
        <a:stretch>
          <a:fillRect/>
        </a:stretch>
      </xdr:blipFill>
      <xdr:spPr>
        <a:xfrm>
          <a:off x="2158039" y="42578206"/>
          <a:ext cx="550867" cy="573523"/>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xdr:spPr>
    </xdr:pic>
    <xdr:clientData/>
  </xdr:oneCellAnchor>
  <xdr:oneCellAnchor>
    <xdr:from>
      <xdr:col>2</xdr:col>
      <xdr:colOff>484068</xdr:colOff>
      <xdr:row>101</xdr:row>
      <xdr:rowOff>73734</xdr:rowOff>
    </xdr:from>
    <xdr:ext cx="334916" cy="236367"/>
    <xdr:pic>
      <xdr:nvPicPr>
        <xdr:cNvPr id="47" name="图片 37" descr="\\info-server\产品资料库\09-01-产品图片库\01-国内\01-摄像机\IPC3238ER3-DVZ、IPC3232ER3-DUVZ\png-用于胶片或网站\IPC3238ER3-DVZ、IPC3232ER3-DUVZ_F.png">
          <a:extLst>
            <a:ext uri="{FF2B5EF4-FFF2-40B4-BE49-F238E27FC236}">
              <a16:creationId xmlns="" xmlns:a16="http://schemas.microsoft.com/office/drawing/2014/main" id="{882991C4-227B-4B9C-8825-819978058117}"/>
            </a:ext>
          </a:extLst>
        </xdr:cNvPr>
        <xdr:cNvPicPr/>
      </xdr:nvPicPr>
      <xdr:blipFill>
        <a:blip xmlns:r="http://schemas.openxmlformats.org/officeDocument/2006/relationships" r:embed="rId41" cstate="email">
          <a:extLst>
            <a:ext uri="{28A0092B-C50C-407E-A947-70E740481C1C}">
              <a14:useLocalDpi xmlns:a14="http://schemas.microsoft.com/office/drawing/2010/main" xmlns=""/>
            </a:ext>
          </a:extLst>
        </a:blip>
        <a:srcRect/>
        <a:stretch>
          <a:fillRect/>
        </a:stretch>
      </xdr:blipFill>
      <xdr:spPr>
        <a:xfrm>
          <a:off x="2257209" y="39870012"/>
          <a:ext cx="334916" cy="236367"/>
        </a:xfrm>
        <a:prstGeom prst="rect">
          <a:avLst/>
        </a:prstGeom>
        <a:noFill/>
        <a:ln>
          <a:noFill/>
        </a:ln>
      </xdr:spPr>
    </xdr:pic>
    <xdr:clientData/>
  </xdr:oneCellAnchor>
  <xdr:oneCellAnchor>
    <xdr:from>
      <xdr:col>2</xdr:col>
      <xdr:colOff>409140</xdr:colOff>
      <xdr:row>113</xdr:row>
      <xdr:rowOff>34944</xdr:rowOff>
    </xdr:from>
    <xdr:ext cx="635714" cy="609111"/>
    <xdr:pic>
      <xdr:nvPicPr>
        <xdr:cNvPr id="48" name="图片 13">
          <a:extLst>
            <a:ext uri="{FF2B5EF4-FFF2-40B4-BE49-F238E27FC236}">
              <a16:creationId xmlns="" xmlns:a16="http://schemas.microsoft.com/office/drawing/2014/main" id="{56250D2D-4BBB-4E25-A1E6-301CFA07D9B2}"/>
            </a:ext>
          </a:extLst>
        </xdr:cNvPr>
        <xdr:cNvPicPr/>
      </xdr:nvPicPr>
      <xdr:blipFill>
        <a:blip xmlns:r="http://schemas.openxmlformats.org/officeDocument/2006/relationships" r:embed="rId42" cstate="email">
          <a:extLst>
            <a:ext uri="{28A0092B-C50C-407E-A947-70E740481C1C}">
              <a14:useLocalDpi xmlns:a14="http://schemas.microsoft.com/office/drawing/2010/main" xmlns=""/>
            </a:ext>
          </a:extLst>
        </a:blip>
        <a:stretch>
          <a:fillRect/>
        </a:stretch>
      </xdr:blipFill>
      <xdr:spPr>
        <a:xfrm>
          <a:off x="2182281" y="44411174"/>
          <a:ext cx="635714" cy="609111"/>
        </a:xfrm>
        <a:prstGeom prst="rect">
          <a:avLst/>
        </a:prstGeom>
        <a:noFill/>
      </xdr:spPr>
    </xdr:pic>
    <xdr:clientData/>
  </xdr:oneCellAnchor>
  <xdr:oneCellAnchor>
    <xdr:from>
      <xdr:col>2</xdr:col>
      <xdr:colOff>386319</xdr:colOff>
      <xdr:row>115</xdr:row>
      <xdr:rowOff>365594</xdr:rowOff>
    </xdr:from>
    <xdr:ext cx="375681" cy="556758"/>
    <xdr:pic>
      <xdr:nvPicPr>
        <xdr:cNvPr id="49" name="图片 54">
          <a:extLst>
            <a:ext uri="{FF2B5EF4-FFF2-40B4-BE49-F238E27FC236}">
              <a16:creationId xmlns="" xmlns:a16="http://schemas.microsoft.com/office/drawing/2014/main" id="{10D59AB6-3556-449D-A384-78FEB0FFE766}"/>
            </a:ext>
          </a:extLst>
        </xdr:cNvPr>
        <xdr:cNvPicPr/>
      </xdr:nvPicPr>
      <xdr:blipFill>
        <a:blip xmlns:r="http://schemas.openxmlformats.org/officeDocument/2006/relationships" r:embed="rId43" cstate="email">
          <a:extLst>
            <a:ext uri="{28A0092B-C50C-407E-A947-70E740481C1C}">
              <a14:useLocalDpi xmlns:a14="http://schemas.microsoft.com/office/drawing/2010/main" xmlns=""/>
            </a:ext>
          </a:extLst>
        </a:blip>
        <a:stretch>
          <a:fillRect/>
        </a:stretch>
      </xdr:blipFill>
      <xdr:spPr>
        <a:xfrm>
          <a:off x="2034144" y="45475994"/>
          <a:ext cx="375681" cy="556758"/>
        </a:xfrm>
        <a:prstGeom prst="rect">
          <a:avLst/>
        </a:prstGeom>
      </xdr:spPr>
    </xdr:pic>
    <xdr:clientData/>
  </xdr:oneCellAnchor>
  <xdr:twoCellAnchor>
    <xdr:from>
      <xdr:col>2</xdr:col>
      <xdr:colOff>265534</xdr:colOff>
      <xdr:row>118</xdr:row>
      <xdr:rowOff>177628</xdr:rowOff>
    </xdr:from>
    <xdr:to>
      <xdr:col>2</xdr:col>
      <xdr:colOff>1059283</xdr:colOff>
      <xdr:row>118</xdr:row>
      <xdr:rowOff>564542</xdr:rowOff>
    </xdr:to>
    <xdr:pic>
      <xdr:nvPicPr>
        <xdr:cNvPr id="50" name="图片 13">
          <a:extLst>
            <a:ext uri="{FF2B5EF4-FFF2-40B4-BE49-F238E27FC236}">
              <a16:creationId xmlns="" xmlns:a16="http://schemas.microsoft.com/office/drawing/2014/main" id="{75648514-A260-48F6-962A-A9DED3AB1D73}"/>
            </a:ext>
          </a:extLst>
        </xdr:cNvPr>
        <xdr:cNvPicPr>
          <a:picLocks noChangeAspect="1"/>
        </xdr:cNvPicPr>
      </xdr:nvPicPr>
      <xdr:blipFill>
        <a:blip xmlns:r="http://schemas.openxmlformats.org/officeDocument/2006/relationships" r:embed="rId44" cstate="email">
          <a:extLst>
            <a:ext uri="{28A0092B-C50C-407E-A947-70E740481C1C}">
              <a14:useLocalDpi xmlns:a14="http://schemas.microsoft.com/office/drawing/2010/main" xmlns=""/>
            </a:ext>
          </a:extLst>
        </a:blip>
        <a:stretch>
          <a:fillRect/>
        </a:stretch>
      </xdr:blipFill>
      <xdr:spPr>
        <a:xfrm>
          <a:off x="2038675" y="71413364"/>
          <a:ext cx="793749" cy="386914"/>
        </a:xfrm>
        <a:prstGeom prst="rect">
          <a:avLst/>
        </a:prstGeom>
      </xdr:spPr>
    </xdr:pic>
    <xdr:clientData/>
  </xdr:twoCellAnchor>
  <xdr:oneCellAnchor>
    <xdr:from>
      <xdr:col>2</xdr:col>
      <xdr:colOff>248478</xdr:colOff>
      <xdr:row>119</xdr:row>
      <xdr:rowOff>84685</xdr:rowOff>
    </xdr:from>
    <xdr:ext cx="856118" cy="562240"/>
    <xdr:pic>
      <xdr:nvPicPr>
        <xdr:cNvPr id="51" name="图片 19" descr="C:\Users\s01501\AppData\Roaming\Foxmail7\Temp-5900-20190228084323\fox(03-01-10-42-19).gif">
          <a:extLst>
            <a:ext uri="{FF2B5EF4-FFF2-40B4-BE49-F238E27FC236}">
              <a16:creationId xmlns="" xmlns:a16="http://schemas.microsoft.com/office/drawing/2014/main" id="{692F33F8-9389-4ACC-8EDA-125FC7B2627F}"/>
            </a:ext>
          </a:extLst>
        </xdr:cNvPr>
        <xdr:cNvPicPr>
          <a:picLocks noChangeAspect="1" noChangeArrowheads="1"/>
        </xdr:cNvPicPr>
      </xdr:nvPicPr>
      <xdr:blipFill>
        <a:blip xmlns:r="http://schemas.openxmlformats.org/officeDocument/2006/relationships" r:embed="rId45" cstate="email">
          <a:extLst>
            <a:ext uri="{28A0092B-C50C-407E-A947-70E740481C1C}">
              <a14:useLocalDpi xmlns:a14="http://schemas.microsoft.com/office/drawing/2010/main" xmlns=""/>
            </a:ext>
          </a:extLst>
        </a:blip>
        <a:srcRect/>
        <a:stretch>
          <a:fillRect/>
        </a:stretch>
      </xdr:blipFill>
      <xdr:spPr>
        <a:xfrm>
          <a:off x="1997765" y="6135628"/>
          <a:ext cx="856118" cy="562240"/>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oneCellAnchor>
    <xdr:from>
      <xdr:col>2</xdr:col>
      <xdr:colOff>82827</xdr:colOff>
      <xdr:row>122</xdr:row>
      <xdr:rowOff>434837</xdr:rowOff>
    </xdr:from>
    <xdr:ext cx="1227582" cy="614294"/>
    <xdr:pic>
      <xdr:nvPicPr>
        <xdr:cNvPr id="52" name="图片 22" descr="C:\Users\s01501\AppData\Roaming\Foxmail7\Temp-5900-20190228084323\fox(03-01-10-42-19)">
          <a:extLst>
            <a:ext uri="{FF2B5EF4-FFF2-40B4-BE49-F238E27FC236}">
              <a16:creationId xmlns="" xmlns:a16="http://schemas.microsoft.com/office/drawing/2014/main" id="{0D072F32-9581-4FBA-BA1F-12A08661B256}"/>
            </a:ext>
          </a:extLst>
        </xdr:cNvPr>
        <xdr:cNvPicPr>
          <a:picLocks noChangeAspect="1" noChangeArrowheads="1"/>
        </xdr:cNvPicPr>
      </xdr:nvPicPr>
      <xdr:blipFill>
        <a:blip xmlns:r="http://schemas.openxmlformats.org/officeDocument/2006/relationships" r:embed="rId46" cstate="email">
          <a:extLst>
            <a:ext uri="{28A0092B-C50C-407E-A947-70E740481C1C}">
              <a14:useLocalDpi xmlns:a14="http://schemas.microsoft.com/office/drawing/2010/main" xmlns=""/>
            </a:ext>
          </a:extLst>
        </a:blip>
        <a:srcRect/>
        <a:stretch>
          <a:fillRect/>
        </a:stretch>
      </xdr:blipFill>
      <xdr:spPr>
        <a:xfrm>
          <a:off x="1832114" y="8576973"/>
          <a:ext cx="1227582" cy="614294"/>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oneCellAnchor>
    <xdr:from>
      <xdr:col>2</xdr:col>
      <xdr:colOff>70556</xdr:colOff>
      <xdr:row>120</xdr:row>
      <xdr:rowOff>417159</xdr:rowOff>
    </xdr:from>
    <xdr:ext cx="1246188" cy="625679"/>
    <xdr:pic>
      <xdr:nvPicPr>
        <xdr:cNvPr id="53" name="Picture 25" descr="NVR301-04/08B 4/8-ch 1-SATA Ultra 265/H.265/H.264 NVR">
          <a:extLst>
            <a:ext uri="{FF2B5EF4-FFF2-40B4-BE49-F238E27FC236}">
              <a16:creationId xmlns="" xmlns:a16="http://schemas.microsoft.com/office/drawing/2014/main" id="{513E3B86-9E96-44E8-BA8C-06F503B09A57}"/>
            </a:ext>
          </a:extLst>
        </xdr:cNvPr>
        <xdr:cNvPicPr>
          <a:picLocks noChangeAspect="1" noChangeArrowheads="1"/>
        </xdr:cNvPicPr>
      </xdr:nvPicPr>
      <xdr:blipFill>
        <a:blip xmlns:r="http://schemas.openxmlformats.org/officeDocument/2006/relationships" r:embed="rId47" cstate="email">
          <a:extLst>
            <a:ext uri="{28A0092B-C50C-407E-A947-70E740481C1C}">
              <a14:useLocalDpi xmlns:a14="http://schemas.microsoft.com/office/drawing/2010/main" xmlns=""/>
            </a:ext>
          </a:extLst>
        </a:blip>
        <a:srcRect/>
        <a:stretch>
          <a:fillRect/>
        </a:stretch>
      </xdr:blipFill>
      <xdr:spPr bwMode="auto">
        <a:xfrm>
          <a:off x="1819843" y="7255281"/>
          <a:ext cx="1246188" cy="625679"/>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twoCellAnchor editAs="oneCell">
    <xdr:from>
      <xdr:col>2</xdr:col>
      <xdr:colOff>28223</xdr:colOff>
      <xdr:row>124</xdr:row>
      <xdr:rowOff>40582</xdr:rowOff>
    </xdr:from>
    <xdr:to>
      <xdr:col>2</xdr:col>
      <xdr:colOff>1310924</xdr:colOff>
      <xdr:row>126</xdr:row>
      <xdr:rowOff>27000</xdr:rowOff>
    </xdr:to>
    <xdr:pic>
      <xdr:nvPicPr>
        <xdr:cNvPr id="54" name="Picture 12" descr="NVR301-04/08LB 4/8-ch 1-SATA Ultra 265/H.265/H.264 NVR">
          <a:extLst>
            <a:ext uri="{FF2B5EF4-FFF2-40B4-BE49-F238E27FC236}">
              <a16:creationId xmlns="" xmlns:a16="http://schemas.microsoft.com/office/drawing/2014/main" id="{A8028804-3EA2-4716-9455-7D0206133FED}"/>
            </a:ext>
          </a:extLst>
        </xdr:cNvPr>
        <xdr:cNvPicPr>
          <a:picLocks noChangeAspect="1" noChangeArrowheads="1"/>
        </xdr:cNvPicPr>
      </xdr:nvPicPr>
      <xdr:blipFill>
        <a:blip xmlns:r="http://schemas.openxmlformats.org/officeDocument/2006/relationships" r:embed="rId48" cstate="email">
          <a:extLst>
            <a:ext uri="{28A0092B-C50C-407E-A947-70E740481C1C}">
              <a14:useLocalDpi xmlns:a14="http://schemas.microsoft.com/office/drawing/2010/main" xmlns=""/>
            </a:ext>
          </a:extLst>
        </a:blip>
        <a:srcRect/>
        <a:stretch>
          <a:fillRect/>
        </a:stretch>
      </xdr:blipFill>
      <xdr:spPr bwMode="auto">
        <a:xfrm>
          <a:off x="1777510" y="13454432"/>
          <a:ext cx="1282701" cy="64637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2</xdr:col>
      <xdr:colOff>105833</xdr:colOff>
      <xdr:row>128</xdr:row>
      <xdr:rowOff>529342</xdr:rowOff>
    </xdr:from>
    <xdr:ext cx="1213707" cy="317324"/>
    <xdr:pic>
      <xdr:nvPicPr>
        <xdr:cNvPr id="55" name="图片 6">
          <a:extLst>
            <a:ext uri="{FF2B5EF4-FFF2-40B4-BE49-F238E27FC236}">
              <a16:creationId xmlns="" xmlns:a16="http://schemas.microsoft.com/office/drawing/2014/main" id="{177D4681-2897-4751-837C-E5D3AFACD17E}"/>
            </a:ext>
          </a:extLst>
        </xdr:cNvPr>
        <xdr:cNvPicPr>
          <a:picLocks noChangeAspect="1"/>
        </xdr:cNvPicPr>
      </xdr:nvPicPr>
      <xdr:blipFill>
        <a:blip xmlns:r="http://schemas.openxmlformats.org/officeDocument/2006/relationships" r:embed="rId49" cstate="email">
          <a:extLst>
            <a:ext uri="{28A0092B-C50C-407E-A947-70E740481C1C}">
              <a14:useLocalDpi xmlns:a14="http://schemas.microsoft.com/office/drawing/2010/main" xmlns=""/>
            </a:ext>
          </a:extLst>
        </a:blip>
        <a:srcRect/>
        <a:stretch>
          <a:fillRect/>
        </a:stretch>
      </xdr:blipFill>
      <xdr:spPr>
        <a:xfrm>
          <a:off x="1855120" y="22443137"/>
          <a:ext cx="1213707" cy="317324"/>
        </a:xfrm>
        <a:prstGeom prst="rect">
          <a:avLst/>
        </a:prstGeom>
      </xdr:spPr>
    </xdr:pic>
    <xdr:clientData/>
  </xdr:oneCellAnchor>
  <xdr:oneCellAnchor>
    <xdr:from>
      <xdr:col>2</xdr:col>
      <xdr:colOff>7055</xdr:colOff>
      <xdr:row>131</xdr:row>
      <xdr:rowOff>148169</xdr:rowOff>
    </xdr:from>
    <xdr:ext cx="1262945" cy="319342"/>
    <xdr:pic>
      <xdr:nvPicPr>
        <xdr:cNvPr id="56" name="图片 14">
          <a:extLst>
            <a:ext uri="{FF2B5EF4-FFF2-40B4-BE49-F238E27FC236}">
              <a16:creationId xmlns="" xmlns:a16="http://schemas.microsoft.com/office/drawing/2014/main" id="{E819CA50-E147-4187-BD5F-66A6E8AA4E12}"/>
            </a:ext>
          </a:extLst>
        </xdr:cNvPr>
        <xdr:cNvPicPr>
          <a:picLocks noChangeAspect="1"/>
        </xdr:cNvPicPr>
      </xdr:nvPicPr>
      <xdr:blipFill>
        <a:blip xmlns:r="http://schemas.openxmlformats.org/officeDocument/2006/relationships" r:embed="rId50" cstate="email">
          <a:extLst>
            <a:ext uri="{28A0092B-C50C-407E-A947-70E740481C1C}">
              <a14:useLocalDpi xmlns:a14="http://schemas.microsoft.com/office/drawing/2010/main" xmlns=""/>
            </a:ext>
          </a:extLst>
        </a:blip>
        <a:srcRect/>
        <a:stretch>
          <a:fillRect/>
        </a:stretch>
      </xdr:blipFill>
      <xdr:spPr>
        <a:xfrm>
          <a:off x="1756342" y="28176517"/>
          <a:ext cx="1262945" cy="319342"/>
        </a:xfrm>
        <a:prstGeom prst="rect">
          <a:avLst/>
        </a:prstGeom>
      </xdr:spPr>
    </xdr:pic>
    <xdr:clientData/>
  </xdr:oneCellAnchor>
  <xdr:oneCellAnchor>
    <xdr:from>
      <xdr:col>2</xdr:col>
      <xdr:colOff>60855</xdr:colOff>
      <xdr:row>134</xdr:row>
      <xdr:rowOff>216958</xdr:rowOff>
    </xdr:from>
    <xdr:ext cx="1213707" cy="268817"/>
    <xdr:pic>
      <xdr:nvPicPr>
        <xdr:cNvPr id="57" name="图片 6">
          <a:extLst>
            <a:ext uri="{FF2B5EF4-FFF2-40B4-BE49-F238E27FC236}">
              <a16:creationId xmlns="" xmlns:a16="http://schemas.microsoft.com/office/drawing/2014/main" id="{560C7D23-6313-48CE-9364-7349CECA964E}"/>
            </a:ext>
          </a:extLst>
        </xdr:cNvPr>
        <xdr:cNvPicPr>
          <a:picLocks noChangeAspect="1"/>
        </xdr:cNvPicPr>
      </xdr:nvPicPr>
      <xdr:blipFill>
        <a:blip xmlns:r="http://schemas.openxmlformats.org/officeDocument/2006/relationships" r:embed="rId49" cstate="email">
          <a:extLst>
            <a:ext uri="{28A0092B-C50C-407E-A947-70E740481C1C}">
              <a14:useLocalDpi xmlns:a14="http://schemas.microsoft.com/office/drawing/2010/main" xmlns=""/>
            </a:ext>
          </a:extLst>
        </a:blip>
        <a:srcRect/>
        <a:stretch>
          <a:fillRect/>
        </a:stretch>
      </xdr:blipFill>
      <xdr:spPr>
        <a:xfrm>
          <a:off x="1810142" y="32968381"/>
          <a:ext cx="1213707" cy="268817"/>
        </a:xfrm>
        <a:prstGeom prst="rect">
          <a:avLst/>
        </a:prstGeom>
      </xdr:spPr>
    </xdr:pic>
    <xdr:clientData/>
  </xdr:oneCellAnchor>
  <xdr:oneCellAnchor>
    <xdr:from>
      <xdr:col>2</xdr:col>
      <xdr:colOff>99502</xdr:colOff>
      <xdr:row>136</xdr:row>
      <xdr:rowOff>111811</xdr:rowOff>
    </xdr:from>
    <xdr:ext cx="1213707" cy="268817"/>
    <xdr:pic>
      <xdr:nvPicPr>
        <xdr:cNvPr id="58" name="图片 6">
          <a:extLst>
            <a:ext uri="{FF2B5EF4-FFF2-40B4-BE49-F238E27FC236}">
              <a16:creationId xmlns="" xmlns:a16="http://schemas.microsoft.com/office/drawing/2014/main" id="{A68347DF-550F-41D8-A25D-418F9EFCE9E4}"/>
            </a:ext>
          </a:extLst>
        </xdr:cNvPr>
        <xdr:cNvPicPr>
          <a:picLocks noChangeAspect="1"/>
        </xdr:cNvPicPr>
      </xdr:nvPicPr>
      <xdr:blipFill>
        <a:blip xmlns:r="http://schemas.openxmlformats.org/officeDocument/2006/relationships" r:embed="rId49" cstate="email">
          <a:extLst>
            <a:ext uri="{28A0092B-C50C-407E-A947-70E740481C1C}">
              <a14:useLocalDpi xmlns:a14="http://schemas.microsoft.com/office/drawing/2010/main" xmlns=""/>
            </a:ext>
          </a:extLst>
        </a:blip>
        <a:srcRect/>
        <a:stretch>
          <a:fillRect/>
        </a:stretch>
      </xdr:blipFill>
      <xdr:spPr>
        <a:xfrm>
          <a:off x="1872643" y="53433258"/>
          <a:ext cx="1213707" cy="268817"/>
        </a:xfrm>
        <a:prstGeom prst="rect">
          <a:avLst/>
        </a:prstGeom>
      </xdr:spPr>
    </xdr:pic>
    <xdr:clientData/>
  </xdr:oneCellAnchor>
  <xdr:oneCellAnchor>
    <xdr:from>
      <xdr:col>2</xdr:col>
      <xdr:colOff>117796</xdr:colOff>
      <xdr:row>137</xdr:row>
      <xdr:rowOff>30360</xdr:rowOff>
    </xdr:from>
    <xdr:ext cx="1152725" cy="429684"/>
    <xdr:pic>
      <xdr:nvPicPr>
        <xdr:cNvPr id="59" name="图片 21">
          <a:extLst>
            <a:ext uri="{FF2B5EF4-FFF2-40B4-BE49-F238E27FC236}">
              <a16:creationId xmlns="" xmlns:a16="http://schemas.microsoft.com/office/drawing/2014/main" id="{5FE9A914-95EB-4699-8B49-40C498CB9183}"/>
            </a:ext>
          </a:extLst>
        </xdr:cNvPr>
        <xdr:cNvPicPr>
          <a:picLocks noChangeAspect="1"/>
        </xdr:cNvPicPr>
      </xdr:nvPicPr>
      <xdr:blipFill>
        <a:blip xmlns:r="http://schemas.openxmlformats.org/officeDocument/2006/relationships" r:embed="rId51" cstate="email">
          <a:extLst>
            <a:ext uri="{28A0092B-C50C-407E-A947-70E740481C1C}">
              <a14:useLocalDpi xmlns:a14="http://schemas.microsoft.com/office/drawing/2010/main" xmlns=""/>
            </a:ext>
          </a:extLst>
        </a:blip>
        <a:srcRect/>
        <a:stretch>
          <a:fillRect/>
        </a:stretch>
      </xdr:blipFill>
      <xdr:spPr>
        <a:xfrm>
          <a:off x="1890937" y="53733470"/>
          <a:ext cx="1152725" cy="429684"/>
        </a:xfrm>
        <a:prstGeom prst="rect">
          <a:avLst/>
        </a:prstGeom>
      </xdr:spPr>
    </xdr:pic>
    <xdr:clientData/>
  </xdr:oneCellAnchor>
  <xdr:oneCellAnchor>
    <xdr:from>
      <xdr:col>2</xdr:col>
      <xdr:colOff>101293</xdr:colOff>
      <xdr:row>138</xdr:row>
      <xdr:rowOff>0</xdr:rowOff>
    </xdr:from>
    <xdr:ext cx="995987" cy="371259"/>
    <xdr:pic>
      <xdr:nvPicPr>
        <xdr:cNvPr id="60" name="图片 10">
          <a:extLst>
            <a:ext uri="{FF2B5EF4-FFF2-40B4-BE49-F238E27FC236}">
              <a16:creationId xmlns="" xmlns:a16="http://schemas.microsoft.com/office/drawing/2014/main" id="{E7A2BDD7-8518-4C85-AA7F-76F5B5EE5E50}"/>
            </a:ext>
          </a:extLst>
        </xdr:cNvPr>
        <xdr:cNvPicPr>
          <a:picLocks noChangeAspect="1"/>
        </xdr:cNvPicPr>
      </xdr:nvPicPr>
      <xdr:blipFill>
        <a:blip xmlns:r="http://schemas.openxmlformats.org/officeDocument/2006/relationships" r:embed="rId52" cstate="email">
          <a:extLst>
            <a:ext uri="{28A0092B-C50C-407E-A947-70E740481C1C}">
              <a14:useLocalDpi xmlns:a14="http://schemas.microsoft.com/office/drawing/2010/main" xmlns=""/>
            </a:ext>
          </a:extLst>
        </a:blip>
        <a:srcRect/>
        <a:stretch>
          <a:fillRect/>
        </a:stretch>
      </xdr:blipFill>
      <xdr:spPr>
        <a:xfrm>
          <a:off x="1874434" y="54459685"/>
          <a:ext cx="995987" cy="371259"/>
        </a:xfrm>
        <a:prstGeom prst="rect">
          <a:avLst/>
        </a:prstGeom>
      </xdr:spPr>
    </xdr:pic>
    <xdr:clientData/>
  </xdr:oneCellAnchor>
</xdr:wsDr>
</file>

<file path=xl/drawings/drawing10.xml><?xml version="1.0" encoding="utf-8"?>
<xdr:wsDr xmlns:xdr="http://schemas.openxmlformats.org/drawingml/2006/spreadsheetDrawing" xmlns:a="http://schemas.openxmlformats.org/drawingml/2006/main">
  <xdr:twoCellAnchor editAs="oneCell">
    <xdr:from>
      <xdr:col>10</xdr:col>
      <xdr:colOff>0</xdr:colOff>
      <xdr:row>2</xdr:row>
      <xdr:rowOff>0</xdr:rowOff>
    </xdr:from>
    <xdr:to>
      <xdr:col>10</xdr:col>
      <xdr:colOff>9525</xdr:colOff>
      <xdr:row>2</xdr:row>
      <xdr:rowOff>9525</xdr:rowOff>
    </xdr:to>
    <xdr:pic>
      <xdr:nvPicPr>
        <xdr:cNvPr id="11" name="图片 2" descr="C:\Users\lw7435\AppData\Roaming\Foxmail7\Temp-5892-20190527081204\Attach\ecblank(05-27-08-19-56).gif">
          <a:extLst>
            <a:ext uri="{FF2B5EF4-FFF2-40B4-BE49-F238E27FC236}">
              <a16:creationId xmlns="" xmlns:a16="http://schemas.microsoft.com/office/drawing/2014/main" id="{7E86DB1E-D1DA-4FCF-A8C4-0AE31E674F3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xmlns="" val="0"/>
            </a:ext>
          </a:extLst>
        </a:blip>
        <a:srcRect/>
        <a:stretch>
          <a:fillRect/>
        </a:stretch>
      </xdr:blipFill>
      <xdr:spPr>
        <a:xfrm>
          <a:off x="10433050" y="197040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0</xdr:col>
      <xdr:colOff>0</xdr:colOff>
      <xdr:row>2</xdr:row>
      <xdr:rowOff>0</xdr:rowOff>
    </xdr:from>
    <xdr:to>
      <xdr:col>10</xdr:col>
      <xdr:colOff>9525</xdr:colOff>
      <xdr:row>2</xdr:row>
      <xdr:rowOff>9525</xdr:rowOff>
    </xdr:to>
    <xdr:pic>
      <xdr:nvPicPr>
        <xdr:cNvPr id="12" name="图片 6" descr="C:\Users\lw7435\AppData\Roaming\Foxmail7\Temp-5892-20190527081204\Attach\ecblank(05-27-08-19-56).gif">
          <a:extLst>
            <a:ext uri="{FF2B5EF4-FFF2-40B4-BE49-F238E27FC236}">
              <a16:creationId xmlns="" xmlns:a16="http://schemas.microsoft.com/office/drawing/2014/main" id="{5FB7B20C-4204-40C9-B571-4337794FEFC7}"/>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xmlns="" val="0"/>
            </a:ext>
          </a:extLst>
        </a:blip>
        <a:srcRect/>
        <a:stretch>
          <a:fillRect/>
        </a:stretch>
      </xdr:blipFill>
      <xdr:spPr>
        <a:xfrm>
          <a:off x="10433050" y="197040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10</xdr:col>
      <xdr:colOff>0</xdr:colOff>
      <xdr:row>1</xdr:row>
      <xdr:rowOff>0</xdr:rowOff>
    </xdr:from>
    <xdr:ext cx="9525" cy="9525"/>
    <xdr:pic>
      <xdr:nvPicPr>
        <xdr:cNvPr id="13" name="图片 2" descr="C:\Users\lw7435\AppData\Roaming\Foxmail7\Temp-5892-20190527081204\Attach\ecblank(05-27-08-19-56).gif">
          <a:extLst>
            <a:ext uri="{FF2B5EF4-FFF2-40B4-BE49-F238E27FC236}">
              <a16:creationId xmlns="" xmlns:a16="http://schemas.microsoft.com/office/drawing/2014/main" id="{6F4E9D76-6E3E-4E07-9C69-A078858FCB9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xmlns="" val="0"/>
            </a:ext>
          </a:extLst>
        </a:blip>
        <a:srcRect/>
        <a:stretch>
          <a:fillRect/>
        </a:stretch>
      </xdr:blipFill>
      <xdr:spPr>
        <a:xfrm>
          <a:off x="10433050" y="195262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oneCellAnchor>
    <xdr:from>
      <xdr:col>10</xdr:col>
      <xdr:colOff>0</xdr:colOff>
      <xdr:row>1</xdr:row>
      <xdr:rowOff>0</xdr:rowOff>
    </xdr:from>
    <xdr:ext cx="9525" cy="9525"/>
    <xdr:pic>
      <xdr:nvPicPr>
        <xdr:cNvPr id="14" name="图片 6" descr="C:\Users\lw7435\AppData\Roaming\Foxmail7\Temp-5892-20190527081204\Attach\ecblank(05-27-08-19-56).gif">
          <a:extLst>
            <a:ext uri="{FF2B5EF4-FFF2-40B4-BE49-F238E27FC236}">
              <a16:creationId xmlns="" xmlns:a16="http://schemas.microsoft.com/office/drawing/2014/main" id="{616B86A0-258B-47AA-B0C7-3ED45E15157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xmlns="" val="0"/>
            </a:ext>
          </a:extLst>
        </a:blip>
        <a:srcRect/>
        <a:stretch>
          <a:fillRect/>
        </a:stretch>
      </xdr:blipFill>
      <xdr:spPr>
        <a:xfrm>
          <a:off x="10433050" y="195262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twoCellAnchor editAs="oneCell">
    <xdr:from>
      <xdr:col>10</xdr:col>
      <xdr:colOff>0</xdr:colOff>
      <xdr:row>7</xdr:row>
      <xdr:rowOff>0</xdr:rowOff>
    </xdr:from>
    <xdr:to>
      <xdr:col>10</xdr:col>
      <xdr:colOff>9525</xdr:colOff>
      <xdr:row>7</xdr:row>
      <xdr:rowOff>9525</xdr:rowOff>
    </xdr:to>
    <xdr:pic>
      <xdr:nvPicPr>
        <xdr:cNvPr id="15" name="图片 11" descr="C:\Users\lw7435\AppData\Roaming\Foxmail7\Temp-5892-20190527081204\Attach\ecblank(05-27-08-19-56).gif">
          <a:extLst>
            <a:ext uri="{FF2B5EF4-FFF2-40B4-BE49-F238E27FC236}">
              <a16:creationId xmlns="" xmlns:a16="http://schemas.microsoft.com/office/drawing/2014/main" id="{C309B86F-0E76-46AC-A19C-9D514BE131D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xmlns="" val="0"/>
            </a:ext>
          </a:extLst>
        </a:blip>
        <a:srcRect/>
        <a:stretch>
          <a:fillRect/>
        </a:stretch>
      </xdr:blipFill>
      <xdr:spPr>
        <a:xfrm>
          <a:off x="10433050" y="226758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0</xdr:col>
      <xdr:colOff>0</xdr:colOff>
      <xdr:row>7</xdr:row>
      <xdr:rowOff>0</xdr:rowOff>
    </xdr:from>
    <xdr:to>
      <xdr:col>10</xdr:col>
      <xdr:colOff>9525</xdr:colOff>
      <xdr:row>7</xdr:row>
      <xdr:rowOff>9525</xdr:rowOff>
    </xdr:to>
    <xdr:pic>
      <xdr:nvPicPr>
        <xdr:cNvPr id="16" name="图片 15" descr="C:\Users\lw7435\AppData\Roaming\Foxmail7\Temp-5892-20190527081204\Attach\ecblank(05-27-08-19-56).gif">
          <a:extLst>
            <a:ext uri="{FF2B5EF4-FFF2-40B4-BE49-F238E27FC236}">
              <a16:creationId xmlns="" xmlns:a16="http://schemas.microsoft.com/office/drawing/2014/main" id="{4FD1D4F7-8C0C-469A-A9F7-4EC803BD41F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xmlns="" val="0"/>
            </a:ext>
          </a:extLst>
        </a:blip>
        <a:srcRect/>
        <a:stretch>
          <a:fillRect/>
        </a:stretch>
      </xdr:blipFill>
      <xdr:spPr>
        <a:xfrm>
          <a:off x="10433050" y="2359660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150813</xdr:colOff>
      <xdr:row>2</xdr:row>
      <xdr:rowOff>127001</xdr:rowOff>
    </xdr:from>
    <xdr:to>
      <xdr:col>2</xdr:col>
      <xdr:colOff>1238250</xdr:colOff>
      <xdr:row>2</xdr:row>
      <xdr:rowOff>488806</xdr:rowOff>
    </xdr:to>
    <xdr:pic>
      <xdr:nvPicPr>
        <xdr:cNvPr id="20" name="图片 3" descr="E:\工作\通用\09-交换机\02-海外\海外效果图\4+2效果图.jpg">
          <a:extLst>
            <a:ext uri="{FF2B5EF4-FFF2-40B4-BE49-F238E27FC236}">
              <a16:creationId xmlns="" xmlns:a16="http://schemas.microsoft.com/office/drawing/2014/main" id="{8AEE3800-B5C0-47C7-851A-002FE421BF47}"/>
            </a:ext>
          </a:extLst>
        </xdr:cNvPr>
        <xdr:cNvPicPr/>
      </xdr:nvPicPr>
      <xdr:blipFill rotWithShape="1">
        <a:blip xmlns:r="http://schemas.openxmlformats.org/officeDocument/2006/relationships" r:embed="rId2" cstate="email">
          <a:extLst>
            <a:ext uri="{28A0092B-C50C-407E-A947-70E740481C1C}">
              <a14:useLocalDpi xmlns:a14="http://schemas.microsoft.com/office/drawing/2010/main" xmlns=""/>
            </a:ext>
          </a:extLst>
        </a:blip>
        <a:srcRect/>
        <a:stretch/>
      </xdr:blipFill>
      <xdr:spPr bwMode="auto">
        <a:xfrm>
          <a:off x="2151063" y="20440651"/>
          <a:ext cx="1087437" cy="361805"/>
        </a:xfrm>
        <a:prstGeom prst="rect">
          <a:avLst/>
        </a:prstGeom>
        <a:noFill/>
        <a:ln>
          <a:noFill/>
        </a:ln>
        <a:extLst>
          <a:ext uri="{53640926-AAD7-44D8-BBD7-CCE9431645EC}">
            <a14:shadowObscured xmlns:a14="http://schemas.microsoft.com/office/drawing/2010/main" xmlns=""/>
          </a:ext>
        </a:extLst>
      </xdr:spPr>
    </xdr:pic>
    <xdr:clientData/>
  </xdr:twoCellAnchor>
  <xdr:twoCellAnchor editAs="oneCell">
    <xdr:from>
      <xdr:col>2</xdr:col>
      <xdr:colOff>182564</xdr:colOff>
      <xdr:row>3</xdr:row>
      <xdr:rowOff>95251</xdr:rowOff>
    </xdr:from>
    <xdr:to>
      <xdr:col>2</xdr:col>
      <xdr:colOff>1270000</xdr:colOff>
      <xdr:row>3</xdr:row>
      <xdr:rowOff>433242</xdr:rowOff>
    </xdr:to>
    <xdr:pic>
      <xdr:nvPicPr>
        <xdr:cNvPr id="21" name="图片 13" descr="E:\工作\通用\09-交换机\02-海外\海外效果图\8+2效果图.jpg">
          <a:extLst>
            <a:ext uri="{FF2B5EF4-FFF2-40B4-BE49-F238E27FC236}">
              <a16:creationId xmlns="" xmlns:a16="http://schemas.microsoft.com/office/drawing/2014/main" id="{4B637B91-D355-40B2-A697-1C467BE8428A}"/>
            </a:ext>
          </a:extLst>
        </xdr:cNvPr>
        <xdr:cNvPicPr/>
      </xdr:nvPicPr>
      <xdr:blipFill rotWithShape="1">
        <a:blip xmlns:r="http://schemas.openxmlformats.org/officeDocument/2006/relationships" r:embed="rId3" cstate="email">
          <a:extLst>
            <a:ext uri="{28A0092B-C50C-407E-A947-70E740481C1C}">
              <a14:useLocalDpi xmlns:a14="http://schemas.microsoft.com/office/drawing/2010/main" xmlns=""/>
            </a:ext>
          </a:extLst>
        </a:blip>
        <a:srcRect/>
        <a:stretch/>
      </xdr:blipFill>
      <xdr:spPr bwMode="auto">
        <a:xfrm>
          <a:off x="2182814" y="20974051"/>
          <a:ext cx="1087436" cy="337991"/>
        </a:xfrm>
        <a:prstGeom prst="rect">
          <a:avLst/>
        </a:prstGeom>
        <a:noFill/>
        <a:ln>
          <a:noFill/>
        </a:ln>
        <a:extLst>
          <a:ext uri="{53640926-AAD7-44D8-BBD7-CCE9431645EC}">
            <a14:shadowObscured xmlns:a14="http://schemas.microsoft.com/office/drawing/2010/main" xmlns=""/>
          </a:ext>
        </a:extLst>
      </xdr:spPr>
    </xdr:pic>
    <xdr:clientData/>
  </xdr:twoCellAnchor>
  <xdr:twoCellAnchor editAs="oneCell">
    <xdr:from>
      <xdr:col>2</xdr:col>
      <xdr:colOff>142876</xdr:colOff>
      <xdr:row>4</xdr:row>
      <xdr:rowOff>55562</xdr:rowOff>
    </xdr:from>
    <xdr:to>
      <xdr:col>2</xdr:col>
      <xdr:colOff>1333500</xdr:colOff>
      <xdr:row>4</xdr:row>
      <xdr:rowOff>369455</xdr:rowOff>
    </xdr:to>
    <xdr:pic>
      <xdr:nvPicPr>
        <xdr:cNvPr id="22" name="图片 14" descr="E:\工作\通用\09-交换机\02-海外\海外效果图\16+2效果图.jpg">
          <a:extLst>
            <a:ext uri="{FF2B5EF4-FFF2-40B4-BE49-F238E27FC236}">
              <a16:creationId xmlns="" xmlns:a16="http://schemas.microsoft.com/office/drawing/2014/main" id="{2C5849A0-6887-4835-BB2B-A4FD9627A142}"/>
            </a:ext>
          </a:extLst>
        </xdr:cNvPr>
        <xdr:cNvPicPr/>
      </xdr:nvPicPr>
      <xdr:blipFill rotWithShape="1">
        <a:blip xmlns:r="http://schemas.openxmlformats.org/officeDocument/2006/relationships" r:embed="rId4" cstate="email">
          <a:extLst>
            <a:ext uri="{28A0092B-C50C-407E-A947-70E740481C1C}">
              <a14:useLocalDpi xmlns:a14="http://schemas.microsoft.com/office/drawing/2010/main" xmlns=""/>
            </a:ext>
          </a:extLst>
        </a:blip>
        <a:srcRect/>
        <a:stretch/>
      </xdr:blipFill>
      <xdr:spPr bwMode="auto">
        <a:xfrm>
          <a:off x="2143126" y="21410612"/>
          <a:ext cx="1190624" cy="313893"/>
        </a:xfrm>
        <a:prstGeom prst="rect">
          <a:avLst/>
        </a:prstGeom>
        <a:noFill/>
        <a:ln>
          <a:noFill/>
        </a:ln>
        <a:extLst>
          <a:ext uri="{53640926-AAD7-44D8-BBD7-CCE9431645EC}">
            <a14:shadowObscured xmlns:a14="http://schemas.microsoft.com/office/drawing/2010/main" xmlns=""/>
          </a:ext>
        </a:extLst>
      </xdr:spPr>
    </xdr:pic>
    <xdr:clientData/>
  </xdr:twoCellAnchor>
  <xdr:twoCellAnchor editAs="oneCell">
    <xdr:from>
      <xdr:col>2</xdr:col>
      <xdr:colOff>15876</xdr:colOff>
      <xdr:row>5</xdr:row>
      <xdr:rowOff>95250</xdr:rowOff>
    </xdr:from>
    <xdr:to>
      <xdr:col>2</xdr:col>
      <xdr:colOff>1368138</xdr:colOff>
      <xdr:row>5</xdr:row>
      <xdr:rowOff>461818</xdr:rowOff>
    </xdr:to>
    <xdr:pic>
      <xdr:nvPicPr>
        <xdr:cNvPr id="23" name="图片 15" descr="E:\工作\通用\09-交换机\02-海外\海外效果图\24+2效果图.jpg">
          <a:extLst>
            <a:ext uri="{FF2B5EF4-FFF2-40B4-BE49-F238E27FC236}">
              <a16:creationId xmlns="" xmlns:a16="http://schemas.microsoft.com/office/drawing/2014/main" id="{E4C15C33-B995-410C-B453-A6B04B79C860}"/>
            </a:ext>
          </a:extLst>
        </xdr:cNvPr>
        <xdr:cNvPicPr/>
      </xdr:nvPicPr>
      <xdr:blipFill rotWithShape="1">
        <a:blip xmlns:r="http://schemas.openxmlformats.org/officeDocument/2006/relationships" r:embed="rId5" cstate="email">
          <a:extLst>
            <a:ext uri="{28A0092B-C50C-407E-A947-70E740481C1C}">
              <a14:useLocalDpi xmlns:a14="http://schemas.microsoft.com/office/drawing/2010/main" xmlns=""/>
            </a:ext>
          </a:extLst>
        </a:blip>
        <a:srcRect/>
        <a:stretch/>
      </xdr:blipFill>
      <xdr:spPr bwMode="auto">
        <a:xfrm>
          <a:off x="2016126" y="21964650"/>
          <a:ext cx="1352262" cy="366568"/>
        </a:xfrm>
        <a:prstGeom prst="rect">
          <a:avLst/>
        </a:prstGeom>
        <a:noFill/>
        <a:ln>
          <a:noFill/>
        </a:ln>
        <a:extLst>
          <a:ext uri="{53640926-AAD7-44D8-BBD7-CCE9431645EC}">
            <a14:shadowObscured xmlns:a14="http://schemas.microsoft.com/office/drawing/2010/main" xmlns=""/>
          </a:ext>
        </a:extLst>
      </xdr:spPr>
    </xdr:pic>
    <xdr:clientData/>
  </xdr:twoCellAnchor>
  <xdr:twoCellAnchor editAs="oneCell">
    <xdr:from>
      <xdr:col>2</xdr:col>
      <xdr:colOff>141111</xdr:colOff>
      <xdr:row>6</xdr:row>
      <xdr:rowOff>9553</xdr:rowOff>
    </xdr:from>
    <xdr:to>
      <xdr:col>2</xdr:col>
      <xdr:colOff>1354666</xdr:colOff>
      <xdr:row>6</xdr:row>
      <xdr:rowOff>838739</xdr:rowOff>
    </xdr:to>
    <xdr:pic>
      <xdr:nvPicPr>
        <xdr:cNvPr id="24" name="Picture 23">
          <a:extLst>
            <a:ext uri="{FF2B5EF4-FFF2-40B4-BE49-F238E27FC236}">
              <a16:creationId xmlns="" xmlns:a16="http://schemas.microsoft.com/office/drawing/2014/main" id="{990FCA92-B164-4D83-8277-4C90052E9C1B}"/>
            </a:ext>
          </a:extLst>
        </xdr:cNvPr>
        <xdr:cNvPicPr>
          <a:picLocks noChangeAspect="1" noChangeArrowheads="1"/>
        </xdr:cNvPicPr>
      </xdr:nvPicPr>
      <xdr:blipFill>
        <a:blip xmlns:r="http://schemas.openxmlformats.org/officeDocument/2006/relationships" r:embed="rId6" cstate="screen">
          <a:extLst>
            <a:ext uri="{28A0092B-C50C-407E-A947-70E740481C1C}">
              <a14:useLocalDpi xmlns:a14="http://schemas.microsoft.com/office/drawing/2010/main" xmlns=""/>
            </a:ext>
          </a:extLst>
        </a:blip>
        <a:srcRect/>
        <a:stretch>
          <a:fillRect/>
        </a:stretch>
      </xdr:blipFill>
      <xdr:spPr bwMode="auto">
        <a:xfrm>
          <a:off x="2144889" y="2556609"/>
          <a:ext cx="1213555" cy="82918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wsDr>
</file>

<file path=xl/drawings/drawing11.xml><?xml version="1.0" encoding="utf-8"?>
<xdr:wsDr xmlns:xdr="http://schemas.openxmlformats.org/drawingml/2006/spreadsheetDrawing" xmlns:a="http://schemas.openxmlformats.org/drawingml/2006/main">
  <xdr:twoCellAnchor>
    <xdr:from>
      <xdr:col>1</xdr:col>
      <xdr:colOff>302054</xdr:colOff>
      <xdr:row>1</xdr:row>
      <xdr:rowOff>102870</xdr:rowOff>
    </xdr:from>
    <xdr:to>
      <xdr:col>3</xdr:col>
      <xdr:colOff>4891705</xdr:colOff>
      <xdr:row>1</xdr:row>
      <xdr:rowOff>171450</xdr:rowOff>
    </xdr:to>
    <xdr:sp macro="" textlink="">
      <xdr:nvSpPr>
        <xdr:cNvPr id="2" name="TextBox 73">
          <a:extLst>
            <a:ext uri="{FF2B5EF4-FFF2-40B4-BE49-F238E27FC236}">
              <a16:creationId xmlns="" xmlns:a16="http://schemas.microsoft.com/office/drawing/2014/main" id="{00000000-0008-0000-0600-000002000000}"/>
            </a:ext>
          </a:extLst>
        </xdr:cNvPr>
        <xdr:cNvSpPr txBox="1"/>
      </xdr:nvSpPr>
      <xdr:spPr>
        <a:xfrm>
          <a:off x="1733550" y="274320"/>
          <a:ext cx="7506335" cy="6858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US" altLang="zh-CN" sz="1600" b="1" i="1">
              <a:solidFill>
                <a:srgbClr val="FF0000"/>
              </a:solidFill>
            </a:rPr>
            <a:t>Confidential file only for internal use!</a:t>
          </a:r>
          <a:r>
            <a:rPr lang="en-US" altLang="zh-CN" sz="1600" b="1" i="1" baseline="0">
              <a:solidFill>
                <a:srgbClr val="FF0000"/>
              </a:solidFill>
            </a:rPr>
            <a:t> Please use the price-list template for external publication.</a:t>
          </a:r>
          <a:endParaRPr lang="zh-CN" altLang="en-US" sz="1600" b="1" i="1">
            <a:solidFill>
              <a:srgbClr val="FF0000"/>
            </a:solidFill>
          </a:endParaRPr>
        </a:p>
      </xdr:txBody>
    </xdr:sp>
    <xdr:clientData/>
  </xdr:twoCellAnchor>
  <xdr:twoCellAnchor editAs="oneCell">
    <xdr:from>
      <xdr:col>1</xdr:col>
      <xdr:colOff>369092</xdr:colOff>
      <xdr:row>8</xdr:row>
      <xdr:rowOff>261937</xdr:rowOff>
    </xdr:from>
    <xdr:to>
      <xdr:col>1</xdr:col>
      <xdr:colOff>1000123</xdr:colOff>
      <xdr:row>9</xdr:row>
      <xdr:rowOff>464343</xdr:rowOff>
    </xdr:to>
    <xdr:pic>
      <xdr:nvPicPr>
        <xdr:cNvPr id="32" name="图片 31">
          <a:extLst>
            <a:ext uri="{FF2B5EF4-FFF2-40B4-BE49-F238E27FC236}">
              <a16:creationId xmlns="" xmlns:a16="http://schemas.microsoft.com/office/drawing/2014/main" id="{00000000-0008-0000-0600-000020000000}"/>
            </a:ext>
          </a:extLst>
        </xdr:cNvPr>
        <xdr:cNvPicPr/>
      </xdr:nvPicPr>
      <xdr:blipFill>
        <a:blip xmlns:r="http://schemas.openxmlformats.org/officeDocument/2006/relationships" r:embed="rId1" cstate="email">
          <a:extLst>
            <a:ext uri="{28A0092B-C50C-407E-A947-70E740481C1C}">
              <a14:useLocalDpi xmlns:a14="http://schemas.microsoft.com/office/drawing/2010/main" xmlns=""/>
            </a:ext>
          </a:extLst>
        </a:blip>
        <a:srcRect/>
        <a:stretch>
          <a:fillRect/>
        </a:stretch>
      </xdr:blipFill>
      <xdr:spPr>
        <a:xfrm>
          <a:off x="1800860" y="2581275"/>
          <a:ext cx="630555" cy="862330"/>
        </a:xfrm>
        <a:prstGeom prst="rect">
          <a:avLst/>
        </a:prstGeom>
        <a:noFill/>
        <a:ln w="9525">
          <a:noFill/>
          <a:miter lim="800000"/>
          <a:headEnd/>
          <a:tailEnd/>
        </a:ln>
      </xdr:spPr>
    </xdr:pic>
    <xdr:clientData/>
  </xdr:twoCellAnchor>
  <xdr:oneCellAnchor>
    <xdr:from>
      <xdr:col>1</xdr:col>
      <xdr:colOff>369092</xdr:colOff>
      <xdr:row>10</xdr:row>
      <xdr:rowOff>261937</xdr:rowOff>
    </xdr:from>
    <xdr:ext cx="631031" cy="857249"/>
    <xdr:pic>
      <xdr:nvPicPr>
        <xdr:cNvPr id="33" name="图片 32">
          <a:extLst>
            <a:ext uri="{FF2B5EF4-FFF2-40B4-BE49-F238E27FC236}">
              <a16:creationId xmlns="" xmlns:a16="http://schemas.microsoft.com/office/drawing/2014/main" id="{00000000-0008-0000-0600-000021000000}"/>
            </a:ext>
          </a:extLst>
        </xdr:cNvPr>
        <xdr:cNvPicPr/>
      </xdr:nvPicPr>
      <xdr:blipFill>
        <a:blip xmlns:r="http://schemas.openxmlformats.org/officeDocument/2006/relationships" r:embed="rId1" cstate="email">
          <a:extLst>
            <a:ext uri="{28A0092B-C50C-407E-A947-70E740481C1C}">
              <a14:useLocalDpi xmlns:a14="http://schemas.microsoft.com/office/drawing/2010/main" xmlns=""/>
            </a:ext>
          </a:extLst>
        </a:blip>
        <a:srcRect/>
        <a:stretch>
          <a:fillRect/>
        </a:stretch>
      </xdr:blipFill>
      <xdr:spPr>
        <a:xfrm>
          <a:off x="1800860" y="3900805"/>
          <a:ext cx="630555" cy="857250"/>
        </a:xfrm>
        <a:prstGeom prst="rect">
          <a:avLst/>
        </a:prstGeom>
        <a:noFill/>
        <a:ln w="9525">
          <a:noFill/>
          <a:miter lim="800000"/>
          <a:headEnd/>
          <a:tailEnd/>
        </a:ln>
      </xdr:spPr>
    </xdr:pic>
    <xdr:clientData/>
  </xdr:oneCellAnchor>
  <xdr:oneCellAnchor>
    <xdr:from>
      <xdr:col>1</xdr:col>
      <xdr:colOff>369092</xdr:colOff>
      <xdr:row>5</xdr:row>
      <xdr:rowOff>250032</xdr:rowOff>
    </xdr:from>
    <xdr:ext cx="631031" cy="857249"/>
    <xdr:pic>
      <xdr:nvPicPr>
        <xdr:cNvPr id="34" name="图片 33">
          <a:extLst>
            <a:ext uri="{FF2B5EF4-FFF2-40B4-BE49-F238E27FC236}">
              <a16:creationId xmlns="" xmlns:a16="http://schemas.microsoft.com/office/drawing/2014/main" id="{00000000-0008-0000-0600-000022000000}"/>
            </a:ext>
          </a:extLst>
        </xdr:cNvPr>
        <xdr:cNvPicPr/>
      </xdr:nvPicPr>
      <xdr:blipFill>
        <a:blip xmlns:r="http://schemas.openxmlformats.org/officeDocument/2006/relationships" r:embed="rId1" cstate="email">
          <a:extLst>
            <a:ext uri="{28A0092B-C50C-407E-A947-70E740481C1C}">
              <a14:useLocalDpi xmlns:a14="http://schemas.microsoft.com/office/drawing/2010/main" xmlns=""/>
            </a:ext>
          </a:extLst>
        </a:blip>
        <a:srcRect/>
        <a:stretch>
          <a:fillRect/>
        </a:stretch>
      </xdr:blipFill>
      <xdr:spPr>
        <a:xfrm>
          <a:off x="1800860" y="1087755"/>
          <a:ext cx="630555" cy="857250"/>
        </a:xfrm>
        <a:prstGeom prst="rect">
          <a:avLst/>
        </a:prstGeom>
        <a:noFill/>
        <a:ln w="9525">
          <a:noFill/>
          <a:miter lim="800000"/>
          <a:headEnd/>
          <a:tailEnd/>
        </a:ln>
      </xdr:spPr>
    </xdr:pic>
    <xdr:clientData/>
  </xdr:oneCellAnchor>
  <xdr:twoCellAnchor editAs="oneCell">
    <xdr:from>
      <xdr:col>1</xdr:col>
      <xdr:colOff>369092</xdr:colOff>
      <xdr:row>14</xdr:row>
      <xdr:rowOff>250031</xdr:rowOff>
    </xdr:from>
    <xdr:to>
      <xdr:col>1</xdr:col>
      <xdr:colOff>892967</xdr:colOff>
      <xdr:row>15</xdr:row>
      <xdr:rowOff>440531</xdr:rowOff>
    </xdr:to>
    <xdr:pic>
      <xdr:nvPicPr>
        <xdr:cNvPr id="35" name="图片 34">
          <a:extLst>
            <a:ext uri="{FF2B5EF4-FFF2-40B4-BE49-F238E27FC236}">
              <a16:creationId xmlns="" xmlns:a16="http://schemas.microsoft.com/office/drawing/2014/main" id="{00000000-0008-0000-0600-000023000000}"/>
            </a:ext>
          </a:extLst>
        </xdr:cNvPr>
        <xdr:cNvPicPr/>
      </xdr:nvPicPr>
      <xdr:blipFill>
        <a:blip xmlns:r="http://schemas.openxmlformats.org/officeDocument/2006/relationships" r:embed="rId2" cstate="email">
          <a:extLst>
            <a:ext uri="{28A0092B-C50C-407E-A947-70E740481C1C}">
              <a14:useLocalDpi xmlns:a14="http://schemas.microsoft.com/office/drawing/2010/main" xmlns=""/>
            </a:ext>
          </a:extLst>
        </a:blip>
        <a:srcRect/>
        <a:stretch>
          <a:fillRect/>
        </a:stretch>
      </xdr:blipFill>
      <xdr:spPr>
        <a:xfrm>
          <a:off x="1800860" y="5538470"/>
          <a:ext cx="523875" cy="850265"/>
        </a:xfrm>
        <a:prstGeom prst="rect">
          <a:avLst/>
        </a:prstGeom>
        <a:noFill/>
        <a:ln w="9525">
          <a:noFill/>
          <a:miter lim="800000"/>
          <a:headEnd/>
          <a:tailEnd/>
        </a:ln>
      </xdr:spPr>
    </xdr:pic>
    <xdr:clientData/>
  </xdr:twoCellAnchor>
  <xdr:twoCellAnchor editAs="oneCell">
    <xdr:from>
      <xdr:col>1</xdr:col>
      <xdr:colOff>369092</xdr:colOff>
      <xdr:row>16</xdr:row>
      <xdr:rowOff>273844</xdr:rowOff>
    </xdr:from>
    <xdr:to>
      <xdr:col>1</xdr:col>
      <xdr:colOff>892967</xdr:colOff>
      <xdr:row>17</xdr:row>
      <xdr:rowOff>464343</xdr:rowOff>
    </xdr:to>
    <xdr:pic>
      <xdr:nvPicPr>
        <xdr:cNvPr id="36" name="图片 35">
          <a:extLst>
            <a:ext uri="{FF2B5EF4-FFF2-40B4-BE49-F238E27FC236}">
              <a16:creationId xmlns="" xmlns:a16="http://schemas.microsoft.com/office/drawing/2014/main" id="{00000000-0008-0000-0600-000024000000}"/>
            </a:ext>
          </a:extLst>
        </xdr:cNvPr>
        <xdr:cNvPicPr/>
      </xdr:nvPicPr>
      <xdr:blipFill>
        <a:blip xmlns:r="http://schemas.openxmlformats.org/officeDocument/2006/relationships" r:embed="rId2" cstate="email">
          <a:extLst>
            <a:ext uri="{28A0092B-C50C-407E-A947-70E740481C1C}">
              <a14:useLocalDpi xmlns:a14="http://schemas.microsoft.com/office/drawing/2010/main" xmlns=""/>
            </a:ext>
          </a:extLst>
        </a:blip>
        <a:srcRect/>
        <a:stretch>
          <a:fillRect/>
        </a:stretch>
      </xdr:blipFill>
      <xdr:spPr>
        <a:xfrm>
          <a:off x="1800860" y="6882130"/>
          <a:ext cx="523875" cy="850265"/>
        </a:xfrm>
        <a:prstGeom prst="rect">
          <a:avLst/>
        </a:prstGeom>
        <a:noFill/>
        <a:ln w="9525">
          <a:noFill/>
          <a:miter lim="800000"/>
          <a:headEnd/>
          <a:tailEnd/>
        </a:ln>
      </xdr:spPr>
    </xdr:pic>
    <xdr:clientData/>
  </xdr:twoCellAnchor>
  <xdr:twoCellAnchor editAs="oneCell">
    <xdr:from>
      <xdr:col>1</xdr:col>
      <xdr:colOff>369092</xdr:colOff>
      <xdr:row>21</xdr:row>
      <xdr:rowOff>178593</xdr:rowOff>
    </xdr:from>
    <xdr:to>
      <xdr:col>1</xdr:col>
      <xdr:colOff>964405</xdr:colOff>
      <xdr:row>22</xdr:row>
      <xdr:rowOff>488155</xdr:rowOff>
    </xdr:to>
    <xdr:pic>
      <xdr:nvPicPr>
        <xdr:cNvPr id="37" name="图片 36">
          <a:extLst>
            <a:ext uri="{FF2B5EF4-FFF2-40B4-BE49-F238E27FC236}">
              <a16:creationId xmlns="" xmlns:a16="http://schemas.microsoft.com/office/drawing/2014/main" id="{00000000-0008-0000-0600-000025000000}"/>
            </a:ext>
          </a:extLst>
        </xdr:cNvPr>
        <xdr:cNvPicPr/>
      </xdr:nvPicPr>
      <xdr:blipFill>
        <a:blip xmlns:r="http://schemas.openxmlformats.org/officeDocument/2006/relationships" r:embed="rId3" cstate="email">
          <a:extLst>
            <a:ext uri="{28A0092B-C50C-407E-A947-70E740481C1C}">
              <a14:useLocalDpi xmlns:a14="http://schemas.microsoft.com/office/drawing/2010/main" xmlns=""/>
            </a:ext>
          </a:extLst>
        </a:blip>
        <a:srcRect/>
        <a:stretch>
          <a:fillRect/>
        </a:stretch>
      </xdr:blipFill>
      <xdr:spPr>
        <a:xfrm>
          <a:off x="1800860" y="9591040"/>
          <a:ext cx="594995" cy="969010"/>
        </a:xfrm>
        <a:prstGeom prst="rect">
          <a:avLst/>
        </a:prstGeom>
        <a:noFill/>
        <a:ln w="9525">
          <a:noFill/>
          <a:miter lim="800000"/>
          <a:headEnd/>
          <a:tailEnd/>
        </a:ln>
      </xdr:spPr>
    </xdr:pic>
    <xdr:clientData/>
  </xdr:twoCellAnchor>
  <xdr:twoCellAnchor editAs="oneCell">
    <xdr:from>
      <xdr:col>1</xdr:col>
      <xdr:colOff>369092</xdr:colOff>
      <xdr:row>31</xdr:row>
      <xdr:rowOff>214312</xdr:rowOff>
    </xdr:from>
    <xdr:to>
      <xdr:col>1</xdr:col>
      <xdr:colOff>964405</xdr:colOff>
      <xdr:row>32</xdr:row>
      <xdr:rowOff>523874</xdr:rowOff>
    </xdr:to>
    <xdr:pic>
      <xdr:nvPicPr>
        <xdr:cNvPr id="38" name="图片 37">
          <a:extLst>
            <a:ext uri="{FF2B5EF4-FFF2-40B4-BE49-F238E27FC236}">
              <a16:creationId xmlns="" xmlns:a16="http://schemas.microsoft.com/office/drawing/2014/main" id="{00000000-0008-0000-0600-000026000000}"/>
            </a:ext>
          </a:extLst>
        </xdr:cNvPr>
        <xdr:cNvPicPr/>
      </xdr:nvPicPr>
      <xdr:blipFill>
        <a:blip xmlns:r="http://schemas.openxmlformats.org/officeDocument/2006/relationships" r:embed="rId3" cstate="email">
          <a:extLst>
            <a:ext uri="{28A0092B-C50C-407E-A947-70E740481C1C}">
              <a14:useLocalDpi xmlns:a14="http://schemas.microsoft.com/office/drawing/2010/main" xmlns=""/>
            </a:ext>
          </a:extLst>
        </a:blip>
        <a:srcRect/>
        <a:stretch>
          <a:fillRect/>
        </a:stretch>
      </xdr:blipFill>
      <xdr:spPr>
        <a:xfrm>
          <a:off x="1800860" y="15234920"/>
          <a:ext cx="594995" cy="969010"/>
        </a:xfrm>
        <a:prstGeom prst="rect">
          <a:avLst/>
        </a:prstGeom>
        <a:noFill/>
        <a:ln w="9525">
          <a:noFill/>
          <a:miter lim="800000"/>
          <a:headEnd/>
          <a:tailEnd/>
        </a:ln>
      </xdr:spPr>
    </xdr:pic>
    <xdr:clientData/>
  </xdr:twoCellAnchor>
  <xdr:twoCellAnchor editAs="oneCell">
    <xdr:from>
      <xdr:col>1</xdr:col>
      <xdr:colOff>369092</xdr:colOff>
      <xdr:row>29</xdr:row>
      <xdr:rowOff>190499</xdr:rowOff>
    </xdr:from>
    <xdr:to>
      <xdr:col>1</xdr:col>
      <xdr:colOff>964405</xdr:colOff>
      <xdr:row>30</xdr:row>
      <xdr:rowOff>500060</xdr:rowOff>
    </xdr:to>
    <xdr:pic>
      <xdr:nvPicPr>
        <xdr:cNvPr id="39" name="图片 38">
          <a:extLst>
            <a:ext uri="{FF2B5EF4-FFF2-40B4-BE49-F238E27FC236}">
              <a16:creationId xmlns="" xmlns:a16="http://schemas.microsoft.com/office/drawing/2014/main" id="{00000000-0008-0000-0600-000027000000}"/>
            </a:ext>
          </a:extLst>
        </xdr:cNvPr>
        <xdr:cNvPicPr/>
      </xdr:nvPicPr>
      <xdr:blipFill>
        <a:blip xmlns:r="http://schemas.openxmlformats.org/officeDocument/2006/relationships" r:embed="rId3" cstate="email">
          <a:extLst>
            <a:ext uri="{28A0092B-C50C-407E-A947-70E740481C1C}">
              <a14:useLocalDpi xmlns:a14="http://schemas.microsoft.com/office/drawing/2010/main" xmlns=""/>
            </a:ext>
          </a:extLst>
        </a:blip>
        <a:srcRect/>
        <a:stretch>
          <a:fillRect/>
        </a:stretch>
      </xdr:blipFill>
      <xdr:spPr>
        <a:xfrm>
          <a:off x="1800860" y="13891260"/>
          <a:ext cx="594995" cy="969645"/>
        </a:xfrm>
        <a:prstGeom prst="rect">
          <a:avLst/>
        </a:prstGeom>
        <a:noFill/>
        <a:ln w="9525">
          <a:noFill/>
          <a:miter lim="800000"/>
          <a:headEnd/>
          <a:tailEnd/>
        </a:ln>
      </xdr:spPr>
    </xdr:pic>
    <xdr:clientData/>
  </xdr:twoCellAnchor>
  <xdr:twoCellAnchor editAs="oneCell">
    <xdr:from>
      <xdr:col>1</xdr:col>
      <xdr:colOff>369092</xdr:colOff>
      <xdr:row>34</xdr:row>
      <xdr:rowOff>345281</xdr:rowOff>
    </xdr:from>
    <xdr:to>
      <xdr:col>1</xdr:col>
      <xdr:colOff>928686</xdr:colOff>
      <xdr:row>35</xdr:row>
      <xdr:rowOff>428626</xdr:rowOff>
    </xdr:to>
    <xdr:pic>
      <xdr:nvPicPr>
        <xdr:cNvPr id="40" name="图片 39">
          <a:extLst>
            <a:ext uri="{FF2B5EF4-FFF2-40B4-BE49-F238E27FC236}">
              <a16:creationId xmlns="" xmlns:a16="http://schemas.microsoft.com/office/drawing/2014/main" id="{00000000-0008-0000-0600-000028000000}"/>
            </a:ext>
          </a:extLst>
        </xdr:cNvPr>
        <xdr:cNvPicPr/>
      </xdr:nvPicPr>
      <xdr:blipFill>
        <a:blip xmlns:r="http://schemas.openxmlformats.org/officeDocument/2006/relationships" r:embed="rId4" cstate="email">
          <a:extLst>
            <a:ext uri="{28A0092B-C50C-407E-A947-70E740481C1C}">
              <a14:useLocalDpi xmlns:a14="http://schemas.microsoft.com/office/drawing/2010/main" xmlns=""/>
            </a:ext>
          </a:extLst>
        </a:blip>
        <a:srcRect/>
        <a:stretch>
          <a:fillRect/>
        </a:stretch>
      </xdr:blipFill>
      <xdr:spPr>
        <a:xfrm>
          <a:off x="1800860" y="16850360"/>
          <a:ext cx="559435" cy="743585"/>
        </a:xfrm>
        <a:prstGeom prst="rect">
          <a:avLst/>
        </a:prstGeom>
        <a:noFill/>
        <a:ln w="9525">
          <a:noFill/>
          <a:miter lim="800000"/>
          <a:headEnd/>
          <a:tailEnd/>
        </a:ln>
      </xdr:spPr>
    </xdr:pic>
    <xdr:clientData/>
  </xdr:twoCellAnchor>
  <xdr:twoCellAnchor editAs="oneCell">
    <xdr:from>
      <xdr:col>1</xdr:col>
      <xdr:colOff>369092</xdr:colOff>
      <xdr:row>19</xdr:row>
      <xdr:rowOff>154782</xdr:rowOff>
    </xdr:from>
    <xdr:to>
      <xdr:col>1</xdr:col>
      <xdr:colOff>964405</xdr:colOff>
      <xdr:row>20</xdr:row>
      <xdr:rowOff>464343</xdr:rowOff>
    </xdr:to>
    <xdr:pic>
      <xdr:nvPicPr>
        <xdr:cNvPr id="41" name="图片 40">
          <a:extLst>
            <a:ext uri="{FF2B5EF4-FFF2-40B4-BE49-F238E27FC236}">
              <a16:creationId xmlns="" xmlns:a16="http://schemas.microsoft.com/office/drawing/2014/main" id="{00000000-0008-0000-0600-000029000000}"/>
            </a:ext>
          </a:extLst>
        </xdr:cNvPr>
        <xdr:cNvPicPr/>
      </xdr:nvPicPr>
      <xdr:blipFill>
        <a:blip xmlns:r="http://schemas.openxmlformats.org/officeDocument/2006/relationships" r:embed="rId3" cstate="email">
          <a:extLst>
            <a:ext uri="{28A0092B-C50C-407E-A947-70E740481C1C}">
              <a14:useLocalDpi xmlns:a14="http://schemas.microsoft.com/office/drawing/2010/main" xmlns=""/>
            </a:ext>
          </a:extLst>
        </a:blip>
        <a:srcRect/>
        <a:stretch>
          <a:fillRect/>
        </a:stretch>
      </xdr:blipFill>
      <xdr:spPr>
        <a:xfrm>
          <a:off x="1800860" y="8247380"/>
          <a:ext cx="594995" cy="969645"/>
        </a:xfrm>
        <a:prstGeom prst="rect">
          <a:avLst/>
        </a:prstGeom>
        <a:noFill/>
        <a:ln w="9525">
          <a:noFill/>
          <a:miter lim="800000"/>
          <a:headEnd/>
          <a:tailEnd/>
        </a:ln>
      </xdr:spPr>
    </xdr:pic>
    <xdr:clientData/>
  </xdr:twoCellAnchor>
  <xdr:oneCellAnchor>
    <xdr:from>
      <xdr:col>1</xdr:col>
      <xdr:colOff>357186</xdr:colOff>
      <xdr:row>26</xdr:row>
      <xdr:rowOff>202406</xdr:rowOff>
    </xdr:from>
    <xdr:ext cx="595313" cy="964405"/>
    <xdr:pic>
      <xdr:nvPicPr>
        <xdr:cNvPr id="42" name="图片 41">
          <a:extLst>
            <a:ext uri="{FF2B5EF4-FFF2-40B4-BE49-F238E27FC236}">
              <a16:creationId xmlns="" xmlns:a16="http://schemas.microsoft.com/office/drawing/2014/main" id="{00000000-0008-0000-0600-00002A000000}"/>
            </a:ext>
          </a:extLst>
        </xdr:cNvPr>
        <xdr:cNvPicPr/>
      </xdr:nvPicPr>
      <xdr:blipFill>
        <a:blip xmlns:r="http://schemas.openxmlformats.org/officeDocument/2006/relationships" r:embed="rId5" cstate="email">
          <a:extLst>
            <a:ext uri="{28A0092B-C50C-407E-A947-70E740481C1C}">
              <a14:useLocalDpi xmlns:a14="http://schemas.microsoft.com/office/drawing/2010/main" xmlns=""/>
            </a:ext>
          </a:extLst>
        </a:blip>
        <a:srcRect/>
        <a:stretch>
          <a:fillRect/>
        </a:stretch>
      </xdr:blipFill>
      <xdr:spPr>
        <a:xfrm>
          <a:off x="1788795" y="12418695"/>
          <a:ext cx="594995" cy="964565"/>
        </a:xfrm>
        <a:prstGeom prst="rect">
          <a:avLst/>
        </a:prstGeom>
        <a:noFill/>
        <a:ln w="9525">
          <a:noFill/>
          <a:miter lim="800000"/>
          <a:headEnd/>
          <a:tailEnd/>
        </a:ln>
      </xdr:spPr>
    </xdr:pic>
    <xdr:clientData/>
  </xdr:oneCellAnchor>
  <xdr:oneCellAnchor>
    <xdr:from>
      <xdr:col>1</xdr:col>
      <xdr:colOff>369093</xdr:colOff>
      <xdr:row>23</xdr:row>
      <xdr:rowOff>190500</xdr:rowOff>
    </xdr:from>
    <xdr:ext cx="595313" cy="964405"/>
    <xdr:pic>
      <xdr:nvPicPr>
        <xdr:cNvPr id="43" name="图片 42">
          <a:extLst>
            <a:ext uri="{FF2B5EF4-FFF2-40B4-BE49-F238E27FC236}">
              <a16:creationId xmlns="" xmlns:a16="http://schemas.microsoft.com/office/drawing/2014/main" id="{00000000-0008-0000-0600-00002B000000}"/>
            </a:ext>
          </a:extLst>
        </xdr:cNvPr>
        <xdr:cNvPicPr/>
      </xdr:nvPicPr>
      <xdr:blipFill>
        <a:blip xmlns:r="http://schemas.openxmlformats.org/officeDocument/2006/relationships" r:embed="rId5" cstate="email">
          <a:extLst>
            <a:ext uri="{28A0092B-C50C-407E-A947-70E740481C1C}">
              <a14:useLocalDpi xmlns:a14="http://schemas.microsoft.com/office/drawing/2010/main" xmlns=""/>
            </a:ext>
          </a:extLst>
        </a:blip>
        <a:srcRect/>
        <a:stretch>
          <a:fillRect/>
        </a:stretch>
      </xdr:blipFill>
      <xdr:spPr>
        <a:xfrm>
          <a:off x="1800860" y="10922635"/>
          <a:ext cx="594995" cy="963930"/>
        </a:xfrm>
        <a:prstGeom prst="rect">
          <a:avLst/>
        </a:prstGeom>
        <a:noFill/>
        <a:ln w="9525">
          <a:noFill/>
          <a:miter lim="800000"/>
          <a:headEnd/>
          <a:tailEnd/>
        </a:ln>
      </xdr:spPr>
    </xdr:pic>
    <xdr:clientData/>
  </xdr:oneCellAnchor>
</xdr:wsDr>
</file>

<file path=xl/drawings/drawing2.xml><?xml version="1.0" encoding="utf-8"?>
<xdr:wsDr xmlns:xdr="http://schemas.openxmlformats.org/drawingml/2006/spreadsheetDrawing" xmlns:a="http://schemas.openxmlformats.org/drawingml/2006/main">
  <xdr:twoCellAnchor editAs="oneCell">
    <xdr:from>
      <xdr:col>1</xdr:col>
      <xdr:colOff>568959</xdr:colOff>
      <xdr:row>0</xdr:row>
      <xdr:rowOff>0</xdr:rowOff>
    </xdr:from>
    <xdr:to>
      <xdr:col>1</xdr:col>
      <xdr:colOff>980721</xdr:colOff>
      <xdr:row>1</xdr:row>
      <xdr:rowOff>58792</xdr:rowOff>
    </xdr:to>
    <xdr:pic>
      <xdr:nvPicPr>
        <xdr:cNvPr id="29" name="Рисунок 38" descr="TWQRjrhb_400x400.jpg">
          <a:extLst>
            <a:ext uri="{FF2B5EF4-FFF2-40B4-BE49-F238E27FC236}">
              <a16:creationId xmlns="" xmlns:a16="http://schemas.microsoft.com/office/drawing/2014/main" id="{5D44E960-DCDA-4039-9630-B045D0B7FAB4}"/>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xmlns=""/>
            </a:ext>
          </a:extLst>
        </a:blip>
        <a:stretch>
          <a:fillRect/>
        </a:stretch>
      </xdr:blipFill>
      <xdr:spPr>
        <a:xfrm>
          <a:off x="2128237" y="0"/>
          <a:ext cx="411762" cy="206959"/>
        </a:xfrm>
        <a:prstGeom prst="rect">
          <a:avLst/>
        </a:prstGeom>
      </xdr:spPr>
    </xdr:pic>
    <xdr:clientData/>
  </xdr:twoCellAnchor>
  <xdr:oneCellAnchor>
    <xdr:from>
      <xdr:col>2</xdr:col>
      <xdr:colOff>275167</xdr:colOff>
      <xdr:row>31</xdr:row>
      <xdr:rowOff>169333</xdr:rowOff>
    </xdr:from>
    <xdr:ext cx="811389" cy="433307"/>
    <xdr:pic>
      <xdr:nvPicPr>
        <xdr:cNvPr id="37" name="图片 23">
          <a:extLst>
            <a:ext uri="{FF2B5EF4-FFF2-40B4-BE49-F238E27FC236}">
              <a16:creationId xmlns="" xmlns:a16="http://schemas.microsoft.com/office/drawing/2014/main" id="{30490362-3329-4433-ACB5-921F5F0CB096}"/>
            </a:ext>
          </a:extLst>
        </xdr:cNvPr>
        <xdr:cNvPicPr>
          <a:picLocks noChangeAspect="1"/>
        </xdr:cNvPicPr>
      </xdr:nvPicPr>
      <xdr:blipFill rotWithShape="1">
        <a:blip xmlns:r="http://schemas.openxmlformats.org/officeDocument/2006/relationships" r:embed="rId2" cstate="print"/>
        <a:srcRect l="16949" t="25243" r="24576" b="24273"/>
        <a:stretch/>
      </xdr:blipFill>
      <xdr:spPr>
        <a:xfrm>
          <a:off x="3541889" y="32928277"/>
          <a:ext cx="811389" cy="433307"/>
        </a:xfrm>
        <a:prstGeom prst="rect">
          <a:avLst/>
        </a:prstGeom>
      </xdr:spPr>
    </xdr:pic>
    <xdr:clientData/>
  </xdr:oneCellAnchor>
  <xdr:oneCellAnchor>
    <xdr:from>
      <xdr:col>2</xdr:col>
      <xdr:colOff>379615</xdr:colOff>
      <xdr:row>34</xdr:row>
      <xdr:rowOff>261056</xdr:rowOff>
    </xdr:from>
    <xdr:ext cx="542645" cy="443430"/>
    <xdr:pic>
      <xdr:nvPicPr>
        <xdr:cNvPr id="39" name="图片 30" descr="屏幕剪辑">
          <a:extLst>
            <a:ext uri="{FF2B5EF4-FFF2-40B4-BE49-F238E27FC236}">
              <a16:creationId xmlns="" xmlns:a16="http://schemas.microsoft.com/office/drawing/2014/main" id="{964F5E64-4739-4394-B9C7-B52293256516}"/>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xmlns="" val="0"/>
            </a:ext>
          </a:extLst>
        </a:blip>
        <a:stretch>
          <a:fillRect/>
        </a:stretch>
      </xdr:blipFill>
      <xdr:spPr>
        <a:xfrm>
          <a:off x="3646337" y="37641389"/>
          <a:ext cx="542645" cy="443430"/>
        </a:xfrm>
        <a:prstGeom prst="rect">
          <a:avLst/>
        </a:prstGeom>
      </xdr:spPr>
    </xdr:pic>
    <xdr:clientData/>
  </xdr:oneCellAnchor>
  <xdr:oneCellAnchor>
    <xdr:from>
      <xdr:col>2</xdr:col>
      <xdr:colOff>422744</xdr:colOff>
      <xdr:row>37</xdr:row>
      <xdr:rowOff>148166</xdr:rowOff>
    </xdr:from>
    <xdr:ext cx="477343" cy="440624"/>
    <xdr:pic>
      <xdr:nvPicPr>
        <xdr:cNvPr id="40" name="图片 32" descr="屏幕剪辑">
          <a:extLst>
            <a:ext uri="{FF2B5EF4-FFF2-40B4-BE49-F238E27FC236}">
              <a16:creationId xmlns="" xmlns:a16="http://schemas.microsoft.com/office/drawing/2014/main" id="{73FC8C26-266B-4EA5-B068-857D943C6A95}"/>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xmlns="" val="0"/>
            </a:ext>
          </a:extLst>
        </a:blip>
        <a:stretch>
          <a:fillRect/>
        </a:stretch>
      </xdr:blipFill>
      <xdr:spPr>
        <a:xfrm>
          <a:off x="3689466" y="39242999"/>
          <a:ext cx="477343" cy="440624"/>
        </a:xfrm>
        <a:prstGeom prst="rect">
          <a:avLst/>
        </a:prstGeom>
      </xdr:spPr>
    </xdr:pic>
    <xdr:clientData/>
  </xdr:oneCellAnchor>
  <xdr:oneCellAnchor>
    <xdr:from>
      <xdr:col>2</xdr:col>
      <xdr:colOff>253998</xdr:colOff>
      <xdr:row>11</xdr:row>
      <xdr:rowOff>243415</xdr:rowOff>
    </xdr:from>
    <xdr:ext cx="873335" cy="402167"/>
    <xdr:pic>
      <xdr:nvPicPr>
        <xdr:cNvPr id="44" name="图片 3">
          <a:extLst>
            <a:ext uri="{FF2B5EF4-FFF2-40B4-BE49-F238E27FC236}">
              <a16:creationId xmlns="" xmlns:a16="http://schemas.microsoft.com/office/drawing/2014/main" id="{786905CE-9587-4C3B-A3E1-E361B2B3BA73}"/>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xmlns="" val="0"/>
            </a:ext>
          </a:extLst>
        </a:blip>
        <a:srcRect l="23520" t="35943" r="26058" b="36141"/>
        <a:stretch>
          <a:fillRect/>
        </a:stretch>
      </xdr:blipFill>
      <xdr:spPr>
        <a:xfrm>
          <a:off x="3312581" y="5132915"/>
          <a:ext cx="873335" cy="402167"/>
        </a:xfrm>
        <a:prstGeom prst="rect">
          <a:avLst/>
        </a:prstGeom>
        <a:ln>
          <a:noFill/>
        </a:ln>
      </xdr:spPr>
    </xdr:pic>
    <xdr:clientData/>
  </xdr:oneCellAnchor>
  <xdr:oneCellAnchor>
    <xdr:from>
      <xdr:col>2</xdr:col>
      <xdr:colOff>254000</xdr:colOff>
      <xdr:row>5</xdr:row>
      <xdr:rowOff>282222</xdr:rowOff>
    </xdr:from>
    <xdr:ext cx="816428" cy="409827"/>
    <xdr:pic>
      <xdr:nvPicPr>
        <xdr:cNvPr id="46" name="图片 20" descr="屏幕剪辑">
          <a:extLst>
            <a:ext uri="{FF2B5EF4-FFF2-40B4-BE49-F238E27FC236}">
              <a16:creationId xmlns="" xmlns:a16="http://schemas.microsoft.com/office/drawing/2014/main" id="{8671B592-27D4-499C-BAE4-C37B30D0BDB1}"/>
            </a:ext>
          </a:extLst>
        </xdr:cNvPr>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xmlns="" val="0"/>
            </a:ext>
          </a:extLst>
        </a:blip>
        <a:stretch>
          <a:fillRect/>
        </a:stretch>
      </xdr:blipFill>
      <xdr:spPr>
        <a:xfrm>
          <a:off x="2146410" y="1331794"/>
          <a:ext cx="816428" cy="409827"/>
        </a:xfrm>
        <a:prstGeom prst="rect">
          <a:avLst/>
        </a:prstGeom>
      </xdr:spPr>
    </xdr:pic>
    <xdr:clientData/>
  </xdr:oneCellAnchor>
  <xdr:twoCellAnchor editAs="oneCell">
    <xdr:from>
      <xdr:col>2</xdr:col>
      <xdr:colOff>254001</xdr:colOff>
      <xdr:row>9</xdr:row>
      <xdr:rowOff>211666</xdr:rowOff>
    </xdr:from>
    <xdr:to>
      <xdr:col>2</xdr:col>
      <xdr:colOff>1132417</xdr:colOff>
      <xdr:row>10</xdr:row>
      <xdr:rowOff>183663</xdr:rowOff>
    </xdr:to>
    <xdr:pic>
      <xdr:nvPicPr>
        <xdr:cNvPr id="49" name="图片 22">
          <a:extLst>
            <a:ext uri="{FF2B5EF4-FFF2-40B4-BE49-F238E27FC236}">
              <a16:creationId xmlns="" xmlns:a16="http://schemas.microsoft.com/office/drawing/2014/main" id="{AB2BD987-CCD6-441C-8D5E-B8F7E62F0932}"/>
            </a:ext>
          </a:extLst>
        </xdr:cNvPr>
        <xdr:cNvPicPr>
          <a:picLocks noChangeAspect="1"/>
        </xdr:cNvPicPr>
      </xdr:nvPicPr>
      <xdr:blipFill>
        <a:blip xmlns:r="http://schemas.openxmlformats.org/officeDocument/2006/relationships" r:embed="rId7" cstate="print">
          <a:extLst>
            <a:ext uri="{BEBA8EAE-BF5A-486C-A8C5-ECC9F3942E4B}">
              <a14:imgProps xmlns:a14="http://schemas.microsoft.com/office/drawing/2010/main" xmlns="">
                <a14:imgLayer r:embed="rId8">
                  <a14:imgEffect>
                    <a14:backgroundRemoval t="2920" b="100000" l="958" r="97893"/>
                  </a14:imgEffect>
                </a14:imgLayer>
              </a14:imgProps>
            </a:ext>
          </a:extLst>
        </a:blip>
        <a:stretch>
          <a:fillRect/>
        </a:stretch>
      </xdr:blipFill>
      <xdr:spPr>
        <a:xfrm>
          <a:off x="3312584" y="2158999"/>
          <a:ext cx="878416" cy="458832"/>
        </a:xfrm>
        <a:prstGeom prst="rect">
          <a:avLst/>
        </a:prstGeom>
      </xdr:spPr>
    </xdr:pic>
    <xdr:clientData/>
  </xdr:twoCellAnchor>
  <xdr:twoCellAnchor>
    <xdr:from>
      <xdr:col>2</xdr:col>
      <xdr:colOff>69693</xdr:colOff>
      <xdr:row>9</xdr:row>
      <xdr:rowOff>215193</xdr:rowOff>
    </xdr:from>
    <xdr:to>
      <xdr:col>2</xdr:col>
      <xdr:colOff>1146889</xdr:colOff>
      <xdr:row>10</xdr:row>
      <xdr:rowOff>329841</xdr:rowOff>
    </xdr:to>
    <xdr:pic>
      <xdr:nvPicPr>
        <xdr:cNvPr id="50" name="图片 11">
          <a:extLst>
            <a:ext uri="{FF2B5EF4-FFF2-40B4-BE49-F238E27FC236}">
              <a16:creationId xmlns="" xmlns:a16="http://schemas.microsoft.com/office/drawing/2014/main" id="{9C1DEF36-E261-4776-A7F2-7F14AFF08D31}"/>
            </a:ext>
          </a:extLst>
        </xdr:cNvPr>
        <xdr:cNvPicPr>
          <a:picLocks noChangeAspect="1"/>
        </xdr:cNvPicPr>
      </xdr:nvPicPr>
      <xdr:blipFill>
        <a:blip xmlns:r="http://schemas.openxmlformats.org/officeDocument/2006/relationships" r:embed="rId9" cstate="email">
          <a:extLst>
            <a:ext uri="{28A0092B-C50C-407E-A947-70E740481C1C}">
              <a14:useLocalDpi xmlns:a14="http://schemas.microsoft.com/office/drawing/2010/main" xmlns=""/>
            </a:ext>
          </a:extLst>
        </a:blip>
        <a:srcRect/>
        <a:stretch>
          <a:fillRect/>
        </a:stretch>
      </xdr:blipFill>
      <xdr:spPr>
        <a:xfrm>
          <a:off x="3128276" y="2162526"/>
          <a:ext cx="1077196" cy="601482"/>
        </a:xfrm>
        <a:prstGeom prst="rect">
          <a:avLst/>
        </a:prstGeom>
        <a:ln>
          <a:noFill/>
        </a:ln>
      </xdr:spPr>
    </xdr:pic>
    <xdr:clientData/>
  </xdr:twoCellAnchor>
  <xdr:oneCellAnchor>
    <xdr:from>
      <xdr:col>2</xdr:col>
      <xdr:colOff>105833</xdr:colOff>
      <xdr:row>20</xdr:row>
      <xdr:rowOff>68791</xdr:rowOff>
    </xdr:from>
    <xdr:ext cx="1092730" cy="904523"/>
    <xdr:pic>
      <xdr:nvPicPr>
        <xdr:cNvPr id="54" name="图片 32" descr="C:\Users\l01742\Desktop\Lite系列\UNV IPC324LR3-VSPF28(40) 4MP Fixed Dome Network Camera V1.0\IPC320L.png">
          <a:extLst>
            <a:ext uri="{FF2B5EF4-FFF2-40B4-BE49-F238E27FC236}">
              <a16:creationId xmlns="" xmlns:a16="http://schemas.microsoft.com/office/drawing/2014/main" id="{1CB664FD-D98A-40A1-9245-501735448A08}"/>
            </a:ext>
          </a:extLst>
        </xdr:cNvPr>
        <xdr:cNvPicPr/>
      </xdr:nvPicPr>
      <xdr:blipFill>
        <a:blip xmlns:r="http://schemas.openxmlformats.org/officeDocument/2006/relationships" r:embed="rId10" cstate="email">
          <a:extLst>
            <a:ext uri="{28A0092B-C50C-407E-A947-70E740481C1C}">
              <a14:useLocalDpi xmlns:a14="http://schemas.microsoft.com/office/drawing/2010/main" xmlns=""/>
            </a:ext>
          </a:extLst>
        </a:blip>
        <a:srcRect/>
        <a:stretch>
          <a:fillRect/>
        </a:stretch>
      </xdr:blipFill>
      <xdr:spPr>
        <a:xfrm>
          <a:off x="3164416" y="14493874"/>
          <a:ext cx="1092730" cy="904523"/>
        </a:xfrm>
        <a:prstGeom prst="rect">
          <a:avLst/>
        </a:prstGeom>
        <a:noFill/>
        <a:ln>
          <a:noFill/>
        </a:ln>
      </xdr:spPr>
    </xdr:pic>
    <xdr:clientData/>
  </xdr:oneCellAnchor>
  <xdr:twoCellAnchor>
    <xdr:from>
      <xdr:col>2</xdr:col>
      <xdr:colOff>264584</xdr:colOff>
      <xdr:row>14</xdr:row>
      <xdr:rowOff>148166</xdr:rowOff>
    </xdr:from>
    <xdr:to>
      <xdr:col>2</xdr:col>
      <xdr:colOff>1002454</xdr:colOff>
      <xdr:row>15</xdr:row>
      <xdr:rowOff>263384</xdr:rowOff>
    </xdr:to>
    <xdr:pic>
      <xdr:nvPicPr>
        <xdr:cNvPr id="55" name="图片 5">
          <a:extLst>
            <a:ext uri="{FF2B5EF4-FFF2-40B4-BE49-F238E27FC236}">
              <a16:creationId xmlns="" xmlns:a16="http://schemas.microsoft.com/office/drawing/2014/main" id="{BECE7157-3C18-4165-9DEB-1F213BD6A1A7}"/>
            </a:ext>
          </a:extLst>
        </xdr:cNvPr>
        <xdr:cNvPicPr>
          <a:picLocks noChangeAspect="1"/>
        </xdr:cNvPicPr>
      </xdr:nvPicPr>
      <xdr:blipFill>
        <a:blip xmlns:r="http://schemas.openxmlformats.org/officeDocument/2006/relationships" r:embed="rId11" cstate="email">
          <a:extLst>
            <a:ext uri="{28A0092B-C50C-407E-A947-70E740481C1C}">
              <a14:useLocalDpi xmlns:a14="http://schemas.microsoft.com/office/drawing/2010/main" xmlns=""/>
            </a:ext>
          </a:extLst>
        </a:blip>
        <a:srcRect/>
        <a:stretch>
          <a:fillRect/>
        </a:stretch>
      </xdr:blipFill>
      <xdr:spPr>
        <a:xfrm>
          <a:off x="3323167" y="13599583"/>
          <a:ext cx="737870" cy="602051"/>
        </a:xfrm>
        <a:prstGeom prst="rect">
          <a:avLst/>
        </a:prstGeom>
        <a:ln>
          <a:noFill/>
        </a:ln>
      </xdr:spPr>
    </xdr:pic>
    <xdr:clientData/>
  </xdr:twoCellAnchor>
  <xdr:twoCellAnchor>
    <xdr:from>
      <xdr:col>2</xdr:col>
      <xdr:colOff>285750</xdr:colOff>
      <xdr:row>16</xdr:row>
      <xdr:rowOff>179916</xdr:rowOff>
    </xdr:from>
    <xdr:to>
      <xdr:col>2</xdr:col>
      <xdr:colOff>1023620</xdr:colOff>
      <xdr:row>17</xdr:row>
      <xdr:rowOff>295135</xdr:rowOff>
    </xdr:to>
    <xdr:pic>
      <xdr:nvPicPr>
        <xdr:cNvPr id="56" name="图片 5">
          <a:extLst>
            <a:ext uri="{FF2B5EF4-FFF2-40B4-BE49-F238E27FC236}">
              <a16:creationId xmlns="" xmlns:a16="http://schemas.microsoft.com/office/drawing/2014/main" id="{1383DF92-145E-47E9-8CB4-D321D9ED7A68}"/>
            </a:ext>
          </a:extLst>
        </xdr:cNvPr>
        <xdr:cNvPicPr>
          <a:picLocks noChangeAspect="1"/>
        </xdr:cNvPicPr>
      </xdr:nvPicPr>
      <xdr:blipFill>
        <a:blip xmlns:r="http://schemas.openxmlformats.org/officeDocument/2006/relationships" r:embed="rId11" cstate="email">
          <a:extLst>
            <a:ext uri="{28A0092B-C50C-407E-A947-70E740481C1C}">
              <a14:useLocalDpi xmlns:a14="http://schemas.microsoft.com/office/drawing/2010/main" xmlns=""/>
            </a:ext>
          </a:extLst>
        </a:blip>
        <a:srcRect/>
        <a:stretch>
          <a:fillRect/>
        </a:stretch>
      </xdr:blipFill>
      <xdr:spPr>
        <a:xfrm>
          <a:off x="3344333" y="21420666"/>
          <a:ext cx="737870" cy="602052"/>
        </a:xfrm>
        <a:prstGeom prst="rect">
          <a:avLst/>
        </a:prstGeom>
        <a:ln>
          <a:noFill/>
        </a:ln>
      </xdr:spPr>
    </xdr:pic>
    <xdr:clientData/>
  </xdr:twoCellAnchor>
  <xdr:twoCellAnchor>
    <xdr:from>
      <xdr:col>2</xdr:col>
      <xdr:colOff>282222</xdr:colOff>
      <xdr:row>24</xdr:row>
      <xdr:rowOff>211667</xdr:rowOff>
    </xdr:from>
    <xdr:to>
      <xdr:col>2</xdr:col>
      <xdr:colOff>1063272</xdr:colOff>
      <xdr:row>25</xdr:row>
      <xdr:rowOff>382129</xdr:rowOff>
    </xdr:to>
    <xdr:pic>
      <xdr:nvPicPr>
        <xdr:cNvPr id="57" name="图片 5" descr="\\info-server\产品资料库\09-01-产品图片库\02-海外\01- Network Camera\Easy\Dome\IPC361x(1).png">
          <a:extLst>
            <a:ext uri="{FF2B5EF4-FFF2-40B4-BE49-F238E27FC236}">
              <a16:creationId xmlns="" xmlns:a16="http://schemas.microsoft.com/office/drawing/2014/main" id="{0FDAD36D-C77D-47BC-9017-878271EFADC6}"/>
            </a:ext>
          </a:extLst>
        </xdr:cNvPr>
        <xdr:cNvPicPr>
          <a:picLocks noChangeAspect="1" noChangeArrowheads="1"/>
        </xdr:cNvPicPr>
      </xdr:nvPicPr>
      <xdr:blipFill>
        <a:blip xmlns:r="http://schemas.openxmlformats.org/officeDocument/2006/relationships" r:embed="rId12" cstate="email">
          <a:extLst>
            <a:ext uri="{28A0092B-C50C-407E-A947-70E740481C1C}">
              <a14:useLocalDpi xmlns:a14="http://schemas.microsoft.com/office/drawing/2010/main" xmlns=""/>
            </a:ext>
          </a:extLst>
        </a:blip>
        <a:srcRect/>
        <a:stretch>
          <a:fillRect/>
        </a:stretch>
      </xdr:blipFill>
      <xdr:spPr>
        <a:xfrm>
          <a:off x="3340805" y="29993167"/>
          <a:ext cx="781050" cy="657295"/>
        </a:xfrm>
        <a:prstGeom prst="rect">
          <a:avLst/>
        </a:prstGeom>
        <a:noFill/>
        <a:ln>
          <a:noFill/>
        </a:ln>
      </xdr:spPr>
    </xdr:pic>
    <xdr:clientData/>
  </xdr:twoCellAnchor>
  <xdr:oneCellAnchor>
    <xdr:from>
      <xdr:col>2</xdr:col>
      <xdr:colOff>317500</xdr:colOff>
      <xdr:row>26</xdr:row>
      <xdr:rowOff>179917</xdr:rowOff>
    </xdr:from>
    <xdr:ext cx="745643" cy="656166"/>
    <xdr:pic>
      <xdr:nvPicPr>
        <xdr:cNvPr id="59" name="图片 19">
          <a:extLst>
            <a:ext uri="{FF2B5EF4-FFF2-40B4-BE49-F238E27FC236}">
              <a16:creationId xmlns="" xmlns:a16="http://schemas.microsoft.com/office/drawing/2014/main" id="{14602A5A-2DD5-4CB7-976B-D5D404D1FE25}"/>
            </a:ext>
          </a:extLst>
        </xdr:cNvPr>
        <xdr:cNvPicPr>
          <a:picLocks noChangeAspect="1"/>
        </xdr:cNvPicPr>
      </xdr:nvPicPr>
      <xdr:blipFill rotWithShape="1">
        <a:blip xmlns:r="http://schemas.openxmlformats.org/officeDocument/2006/relationships" r:embed="rId13" cstate="print"/>
        <a:srcRect l="34568" t="11562" r="22221" b="28588"/>
        <a:stretch/>
      </xdr:blipFill>
      <xdr:spPr>
        <a:xfrm>
          <a:off x="3376083" y="19515667"/>
          <a:ext cx="745643" cy="656166"/>
        </a:xfrm>
        <a:prstGeom prst="rect">
          <a:avLst/>
        </a:prstGeom>
      </xdr:spPr>
    </xdr:pic>
    <xdr:clientData/>
  </xdr:oneCellAnchor>
  <xdr:twoCellAnchor editAs="oneCell">
    <xdr:from>
      <xdr:col>2</xdr:col>
      <xdr:colOff>306916</xdr:colOff>
      <xdr:row>18</xdr:row>
      <xdr:rowOff>254000</xdr:rowOff>
    </xdr:from>
    <xdr:to>
      <xdr:col>2</xdr:col>
      <xdr:colOff>977841</xdr:colOff>
      <xdr:row>19</xdr:row>
      <xdr:rowOff>301816</xdr:rowOff>
    </xdr:to>
    <xdr:pic>
      <xdr:nvPicPr>
        <xdr:cNvPr id="61" name="图片 24">
          <a:extLst>
            <a:ext uri="{FF2B5EF4-FFF2-40B4-BE49-F238E27FC236}">
              <a16:creationId xmlns="" xmlns:a16="http://schemas.microsoft.com/office/drawing/2014/main" id="{E8DD1CC8-8247-47A3-B108-03CD94B5F49A}"/>
            </a:ext>
          </a:extLst>
        </xdr:cNvPr>
        <xdr:cNvPicPr>
          <a:picLocks noChangeAspect="1"/>
        </xdr:cNvPicPr>
      </xdr:nvPicPr>
      <xdr:blipFill rotWithShape="1">
        <a:blip xmlns:r="http://schemas.openxmlformats.org/officeDocument/2006/relationships" r:embed="rId14" cstate="print"/>
        <a:srcRect r="8422"/>
        <a:stretch/>
      </xdr:blipFill>
      <xdr:spPr>
        <a:xfrm>
          <a:off x="3365499" y="15695083"/>
          <a:ext cx="670925" cy="534650"/>
        </a:xfrm>
        <a:prstGeom prst="rect">
          <a:avLst/>
        </a:prstGeom>
      </xdr:spPr>
    </xdr:pic>
    <xdr:clientData/>
  </xdr:twoCellAnchor>
  <xdr:oneCellAnchor>
    <xdr:from>
      <xdr:col>2</xdr:col>
      <xdr:colOff>338666</xdr:colOff>
      <xdr:row>28</xdr:row>
      <xdr:rowOff>190500</xdr:rowOff>
    </xdr:from>
    <xdr:ext cx="687918" cy="571500"/>
    <xdr:pic>
      <xdr:nvPicPr>
        <xdr:cNvPr id="77" name="图片 27">
          <a:extLst>
            <a:ext uri="{FF2B5EF4-FFF2-40B4-BE49-F238E27FC236}">
              <a16:creationId xmlns="" xmlns:a16="http://schemas.microsoft.com/office/drawing/2014/main" id="{9480E0D5-B128-438E-B240-8756A4B79E5F}"/>
            </a:ext>
          </a:extLst>
        </xdr:cNvPr>
        <xdr:cNvPicPr/>
      </xdr:nvPicPr>
      <xdr:blipFill>
        <a:blip xmlns:r="http://schemas.openxmlformats.org/officeDocument/2006/relationships" r:embed="rId15" cstate="email">
          <a:extLst>
            <a:ext uri="{28A0092B-C50C-407E-A947-70E740481C1C}">
              <a14:useLocalDpi xmlns:a14="http://schemas.microsoft.com/office/drawing/2010/main" xmlns=""/>
            </a:ext>
          </a:extLst>
        </a:blip>
        <a:stretch>
          <a:fillRect/>
        </a:stretch>
      </xdr:blipFill>
      <xdr:spPr>
        <a:xfrm>
          <a:off x="3397249" y="29972000"/>
          <a:ext cx="687918" cy="571500"/>
        </a:xfrm>
        <a:prstGeom prst="rect">
          <a:avLst/>
        </a:prstGeom>
      </xdr:spPr>
    </xdr:pic>
    <xdr:clientData/>
  </xdr:oneCellAnchor>
  <xdr:oneCellAnchor>
    <xdr:from>
      <xdr:col>2</xdr:col>
      <xdr:colOff>275167</xdr:colOff>
      <xdr:row>32</xdr:row>
      <xdr:rowOff>52917</xdr:rowOff>
    </xdr:from>
    <xdr:ext cx="811389" cy="433307"/>
    <xdr:pic>
      <xdr:nvPicPr>
        <xdr:cNvPr id="78" name="图片 23">
          <a:extLst>
            <a:ext uri="{FF2B5EF4-FFF2-40B4-BE49-F238E27FC236}">
              <a16:creationId xmlns="" xmlns:a16="http://schemas.microsoft.com/office/drawing/2014/main" id="{517C903E-2684-412F-A57B-D4B31C8C90E4}"/>
            </a:ext>
          </a:extLst>
        </xdr:cNvPr>
        <xdr:cNvPicPr>
          <a:picLocks noChangeAspect="1"/>
        </xdr:cNvPicPr>
      </xdr:nvPicPr>
      <xdr:blipFill rotWithShape="1">
        <a:blip xmlns:r="http://schemas.openxmlformats.org/officeDocument/2006/relationships" r:embed="rId2" cstate="print"/>
        <a:srcRect l="16949" t="25243" r="24576" b="24273"/>
        <a:stretch/>
      </xdr:blipFill>
      <xdr:spPr>
        <a:xfrm>
          <a:off x="3333750" y="34787417"/>
          <a:ext cx="811389" cy="433307"/>
        </a:xfrm>
        <a:prstGeom prst="rect">
          <a:avLst/>
        </a:prstGeom>
      </xdr:spPr>
    </xdr:pic>
    <xdr:clientData/>
  </xdr:oneCellAnchor>
  <xdr:oneCellAnchor>
    <xdr:from>
      <xdr:col>2</xdr:col>
      <xdr:colOff>232832</xdr:colOff>
      <xdr:row>7</xdr:row>
      <xdr:rowOff>232834</xdr:rowOff>
    </xdr:from>
    <xdr:ext cx="888655" cy="409222"/>
    <xdr:pic>
      <xdr:nvPicPr>
        <xdr:cNvPr id="41" name="图片 3">
          <a:extLst>
            <a:ext uri="{FF2B5EF4-FFF2-40B4-BE49-F238E27FC236}">
              <a16:creationId xmlns="" xmlns:a16="http://schemas.microsoft.com/office/drawing/2014/main" id="{F87A46CD-D3EC-4C02-A6CA-087FCD20C99D}"/>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xmlns="" val="0"/>
            </a:ext>
          </a:extLst>
        </a:blip>
        <a:srcRect l="23520" t="35943" r="26058" b="36141"/>
        <a:stretch>
          <a:fillRect/>
        </a:stretch>
      </xdr:blipFill>
      <xdr:spPr>
        <a:xfrm>
          <a:off x="3291415" y="5101167"/>
          <a:ext cx="888655" cy="409222"/>
        </a:xfrm>
        <a:prstGeom prst="rect">
          <a:avLst/>
        </a:prstGeom>
        <a:ln>
          <a:noFill/>
        </a:ln>
      </xdr:spPr>
    </xdr:pic>
    <xdr:clientData/>
  </xdr:oneCellAnchor>
  <xdr:twoCellAnchor>
    <xdr:from>
      <xdr:col>2</xdr:col>
      <xdr:colOff>282222</xdr:colOff>
      <xdr:row>22</xdr:row>
      <xdr:rowOff>211667</xdr:rowOff>
    </xdr:from>
    <xdr:to>
      <xdr:col>2</xdr:col>
      <xdr:colOff>1063272</xdr:colOff>
      <xdr:row>23</xdr:row>
      <xdr:rowOff>382129</xdr:rowOff>
    </xdr:to>
    <xdr:pic>
      <xdr:nvPicPr>
        <xdr:cNvPr id="42" name="图片 5" descr="\\info-server\产品资料库\09-01-产品图片库\02-海外\01- Network Camera\Easy\Dome\IPC361x(1).png">
          <a:extLst>
            <a:ext uri="{FF2B5EF4-FFF2-40B4-BE49-F238E27FC236}">
              <a16:creationId xmlns="" xmlns:a16="http://schemas.microsoft.com/office/drawing/2014/main" id="{89F3AE99-D2E4-4E5F-A528-CCFFBB19B478}"/>
            </a:ext>
          </a:extLst>
        </xdr:cNvPr>
        <xdr:cNvPicPr>
          <a:picLocks noChangeAspect="1" noChangeArrowheads="1"/>
        </xdr:cNvPicPr>
      </xdr:nvPicPr>
      <xdr:blipFill>
        <a:blip xmlns:r="http://schemas.openxmlformats.org/officeDocument/2006/relationships" r:embed="rId12" cstate="email">
          <a:extLst>
            <a:ext uri="{28A0092B-C50C-407E-A947-70E740481C1C}">
              <a14:useLocalDpi xmlns:a14="http://schemas.microsoft.com/office/drawing/2010/main" xmlns=""/>
            </a:ext>
          </a:extLst>
        </a:blip>
        <a:srcRect/>
        <a:stretch>
          <a:fillRect/>
        </a:stretch>
      </xdr:blipFill>
      <xdr:spPr>
        <a:xfrm>
          <a:off x="3340805" y="18573750"/>
          <a:ext cx="781050" cy="657296"/>
        </a:xfrm>
        <a:prstGeom prst="rect">
          <a:avLst/>
        </a:prstGeom>
        <a:noFill/>
        <a:ln>
          <a:noFill/>
        </a:ln>
      </xdr:spPr>
    </xdr:pic>
    <xdr:clientData/>
  </xdr:twoCellAnchor>
  <xdr:oneCellAnchor>
    <xdr:from>
      <xdr:col>2</xdr:col>
      <xdr:colOff>379615</xdr:colOff>
      <xdr:row>35</xdr:row>
      <xdr:rowOff>261056</xdr:rowOff>
    </xdr:from>
    <xdr:ext cx="542645" cy="443430"/>
    <xdr:pic>
      <xdr:nvPicPr>
        <xdr:cNvPr id="48" name="图片 30" descr="屏幕剪辑">
          <a:extLst>
            <a:ext uri="{FF2B5EF4-FFF2-40B4-BE49-F238E27FC236}">
              <a16:creationId xmlns="" xmlns:a16="http://schemas.microsoft.com/office/drawing/2014/main" id="{3ECD25AB-6821-4EB4-B475-36DE5068E8CB}"/>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xmlns="" val="0"/>
            </a:ext>
          </a:extLst>
        </a:blip>
        <a:stretch>
          <a:fillRect/>
        </a:stretch>
      </xdr:blipFill>
      <xdr:spPr>
        <a:xfrm>
          <a:off x="3438198" y="39091306"/>
          <a:ext cx="542645" cy="443430"/>
        </a:xfrm>
        <a:prstGeom prst="rect">
          <a:avLst/>
        </a:prstGeom>
      </xdr:spPr>
    </xdr:pic>
    <xdr:clientData/>
  </xdr:oneCellAnchor>
  <xdr:oneCellAnchor>
    <xdr:from>
      <xdr:col>2</xdr:col>
      <xdr:colOff>422744</xdr:colOff>
      <xdr:row>36</xdr:row>
      <xdr:rowOff>148166</xdr:rowOff>
    </xdr:from>
    <xdr:ext cx="477343" cy="440624"/>
    <xdr:pic>
      <xdr:nvPicPr>
        <xdr:cNvPr id="52" name="图片 32" descr="屏幕剪辑">
          <a:extLst>
            <a:ext uri="{FF2B5EF4-FFF2-40B4-BE49-F238E27FC236}">
              <a16:creationId xmlns="" xmlns:a16="http://schemas.microsoft.com/office/drawing/2014/main" id="{0AA96EA2-8CAF-4FC9-A7CE-10BD3AC8CD21}"/>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xmlns="" val="0"/>
            </a:ext>
          </a:extLst>
        </a:blip>
        <a:stretch>
          <a:fillRect/>
        </a:stretch>
      </xdr:blipFill>
      <xdr:spPr>
        <a:xfrm>
          <a:off x="3481327" y="41708916"/>
          <a:ext cx="477343" cy="440624"/>
        </a:xfrm>
        <a:prstGeom prst="rect">
          <a:avLst/>
        </a:prstGeom>
      </xdr:spPr>
    </xdr:pic>
    <xdr:clientData/>
  </xdr:oneCellAnchor>
</xdr:wsDr>
</file>

<file path=xl/drawings/drawing3.xml><?xml version="1.0" encoding="utf-8"?>
<xdr:wsDr xmlns:xdr="http://schemas.openxmlformats.org/drawingml/2006/spreadsheetDrawing" xmlns:a="http://schemas.openxmlformats.org/drawingml/2006/main">
  <xdr:twoCellAnchor editAs="oneCell">
    <xdr:from>
      <xdr:col>1</xdr:col>
      <xdr:colOff>688904</xdr:colOff>
      <xdr:row>0</xdr:row>
      <xdr:rowOff>0</xdr:rowOff>
    </xdr:from>
    <xdr:to>
      <xdr:col>1</xdr:col>
      <xdr:colOff>1100666</xdr:colOff>
      <xdr:row>1</xdr:row>
      <xdr:rowOff>38154</xdr:rowOff>
    </xdr:to>
    <xdr:pic>
      <xdr:nvPicPr>
        <xdr:cNvPr id="52" name="Рисунок 38" descr="TWQRjrhb_400x400.jpg">
          <a:extLst>
            <a:ext uri="{FF2B5EF4-FFF2-40B4-BE49-F238E27FC236}">
              <a16:creationId xmlns="" xmlns:a16="http://schemas.microsoft.com/office/drawing/2014/main" id="{4266F7E3-11EB-4C70-83F4-3FE74E6681F9}"/>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xmlns=""/>
            </a:ext>
          </a:extLst>
        </a:blip>
        <a:stretch>
          <a:fillRect/>
        </a:stretch>
      </xdr:blipFill>
      <xdr:spPr>
        <a:xfrm>
          <a:off x="2276404" y="0"/>
          <a:ext cx="411762" cy="200432"/>
        </a:xfrm>
        <a:prstGeom prst="rect">
          <a:avLst/>
        </a:prstGeom>
      </xdr:spPr>
    </xdr:pic>
    <xdr:clientData/>
  </xdr:twoCellAnchor>
  <xdr:oneCellAnchor>
    <xdr:from>
      <xdr:col>2</xdr:col>
      <xdr:colOff>183443</xdr:colOff>
      <xdr:row>7</xdr:row>
      <xdr:rowOff>338665</xdr:rowOff>
    </xdr:from>
    <xdr:ext cx="896055" cy="465666"/>
    <xdr:pic>
      <xdr:nvPicPr>
        <xdr:cNvPr id="42" name="图片 37" descr="C:\Users\z05278\AppData\Local\Temp\HZ$D.236.4325\IPC2122LR3-PF28M-D-FL.png">
          <a:extLst>
            <a:ext uri="{FF2B5EF4-FFF2-40B4-BE49-F238E27FC236}">
              <a16:creationId xmlns="" xmlns:a16="http://schemas.microsoft.com/office/drawing/2014/main" id="{BF2CCAD9-84D0-45B8-BE89-165EDA19358E}"/>
            </a:ext>
          </a:extLst>
        </xdr:cNvPr>
        <xdr:cNvPicPr/>
      </xdr:nvPicPr>
      <xdr:blipFill rotWithShape="1">
        <a:blip xmlns:r="http://schemas.openxmlformats.org/officeDocument/2006/relationships" r:embed="rId2" cstate="email">
          <a:extLst>
            <a:ext uri="{28A0092B-C50C-407E-A947-70E740481C1C}">
              <a14:useLocalDpi xmlns:a14="http://schemas.microsoft.com/office/drawing/2010/main" xmlns=""/>
            </a:ext>
          </a:extLst>
        </a:blip>
        <a:srcRect/>
        <a:stretch/>
      </xdr:blipFill>
      <xdr:spPr bwMode="auto">
        <a:xfrm>
          <a:off x="3280832" y="8438443"/>
          <a:ext cx="896055" cy="465666"/>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183443</xdr:colOff>
      <xdr:row>11</xdr:row>
      <xdr:rowOff>338665</xdr:rowOff>
    </xdr:from>
    <xdr:ext cx="896055" cy="465667"/>
    <xdr:pic>
      <xdr:nvPicPr>
        <xdr:cNvPr id="47" name="图片 37" descr="C:\Users\z05278\AppData\Local\Temp\HZ$D.236.4325\IPC2122LR3-PF28M-D-FL.png">
          <a:extLst>
            <a:ext uri="{FF2B5EF4-FFF2-40B4-BE49-F238E27FC236}">
              <a16:creationId xmlns="" xmlns:a16="http://schemas.microsoft.com/office/drawing/2014/main" id="{86B4DFD3-B9DB-4B75-93B2-7DE3977C110C}"/>
            </a:ext>
          </a:extLst>
        </xdr:cNvPr>
        <xdr:cNvPicPr/>
      </xdr:nvPicPr>
      <xdr:blipFill rotWithShape="1">
        <a:blip xmlns:r="http://schemas.openxmlformats.org/officeDocument/2006/relationships" r:embed="rId2" cstate="email">
          <a:extLst>
            <a:ext uri="{28A0092B-C50C-407E-A947-70E740481C1C}">
              <a14:useLocalDpi xmlns:a14="http://schemas.microsoft.com/office/drawing/2010/main" xmlns=""/>
            </a:ext>
          </a:extLst>
        </a:blip>
        <a:srcRect/>
        <a:stretch/>
      </xdr:blipFill>
      <xdr:spPr bwMode="auto">
        <a:xfrm>
          <a:off x="3280832" y="10985498"/>
          <a:ext cx="896055" cy="465667"/>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04610</xdr:colOff>
      <xdr:row>16</xdr:row>
      <xdr:rowOff>197555</xdr:rowOff>
    </xdr:from>
    <xdr:ext cx="873625" cy="670278"/>
    <xdr:pic>
      <xdr:nvPicPr>
        <xdr:cNvPr id="48" name="图片 38" descr="\\info-server\产品资料库\05-产品宣传彩页\英文版\01 IPC\01 IPC\1.Easy\Dome\8MP\UNV IPC328LR3-DVSPF28(40)-F\图片\4K半球_F.png">
          <a:extLst>
            <a:ext uri="{FF2B5EF4-FFF2-40B4-BE49-F238E27FC236}">
              <a16:creationId xmlns="" xmlns:a16="http://schemas.microsoft.com/office/drawing/2014/main" id="{B18479B4-5D9C-47DD-8E28-FB55B5E14E6C}"/>
            </a:ext>
          </a:extLst>
        </xdr:cNvPr>
        <xdr:cNvPicPr>
          <a:picLocks noChangeAspect="1"/>
        </xdr:cNvPicPr>
      </xdr:nvPicPr>
      <xdr:blipFill rotWithShape="1">
        <a:blip xmlns:r="http://schemas.openxmlformats.org/officeDocument/2006/relationships" r:embed="rId3" cstate="email">
          <a:extLst>
            <a:ext uri="{28A0092B-C50C-407E-A947-70E740481C1C}">
              <a14:useLocalDpi xmlns:a14="http://schemas.microsoft.com/office/drawing/2010/main" xmlns=""/>
            </a:ext>
          </a:extLst>
        </a:blip>
        <a:srcRect/>
        <a:stretch/>
      </xdr:blipFill>
      <xdr:spPr bwMode="auto">
        <a:xfrm>
          <a:off x="3301999" y="18944166"/>
          <a:ext cx="873625" cy="670278"/>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04610</xdr:colOff>
      <xdr:row>20</xdr:row>
      <xdr:rowOff>197555</xdr:rowOff>
    </xdr:from>
    <xdr:ext cx="873625" cy="670278"/>
    <xdr:pic>
      <xdr:nvPicPr>
        <xdr:cNvPr id="50" name="图片 38" descr="\\info-server\产品资料库\05-产品宣传彩页\英文版\01 IPC\01 IPC\1.Easy\Dome\8MP\UNV IPC328LR3-DVSPF28(40)-F\图片\4K半球_F.png">
          <a:extLst>
            <a:ext uri="{FF2B5EF4-FFF2-40B4-BE49-F238E27FC236}">
              <a16:creationId xmlns="" xmlns:a16="http://schemas.microsoft.com/office/drawing/2014/main" id="{154060AD-6553-41D0-9EB3-6CC82CF847F8}"/>
            </a:ext>
          </a:extLst>
        </xdr:cNvPr>
        <xdr:cNvPicPr>
          <a:picLocks noChangeAspect="1"/>
        </xdr:cNvPicPr>
      </xdr:nvPicPr>
      <xdr:blipFill rotWithShape="1">
        <a:blip xmlns:r="http://schemas.openxmlformats.org/officeDocument/2006/relationships" r:embed="rId3" cstate="email">
          <a:extLst>
            <a:ext uri="{28A0092B-C50C-407E-A947-70E740481C1C}">
              <a14:useLocalDpi xmlns:a14="http://schemas.microsoft.com/office/drawing/2010/main" xmlns=""/>
            </a:ext>
          </a:extLst>
        </a:blip>
        <a:srcRect/>
        <a:stretch/>
      </xdr:blipFill>
      <xdr:spPr bwMode="auto">
        <a:xfrm>
          <a:off x="3301999" y="20030722"/>
          <a:ext cx="873625" cy="670278"/>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53999</xdr:colOff>
      <xdr:row>24</xdr:row>
      <xdr:rowOff>119944</xdr:rowOff>
    </xdr:from>
    <xdr:ext cx="937609" cy="762000"/>
    <xdr:pic>
      <xdr:nvPicPr>
        <xdr:cNvPr id="59" name="图片 45" descr="\\info-server\产品资料库\09-01-产品图片库\02-海外\01- Network Camera\Easy\Dome\IPC361x(1).png">
          <a:extLst>
            <a:ext uri="{FF2B5EF4-FFF2-40B4-BE49-F238E27FC236}">
              <a16:creationId xmlns="" xmlns:a16="http://schemas.microsoft.com/office/drawing/2014/main" id="{697ACFF0-228F-49E8-9527-3FEF93513A39}"/>
            </a:ext>
          </a:extLst>
        </xdr:cNvPr>
        <xdr:cNvPicPr>
          <a:picLocks noChangeAspect="1"/>
        </xdr:cNvPicPr>
      </xdr:nvPicPr>
      <xdr:blipFill>
        <a:blip xmlns:r="http://schemas.openxmlformats.org/officeDocument/2006/relationships" r:embed="rId4" cstate="email">
          <a:extLst>
            <a:ext uri="{28A0092B-C50C-407E-A947-70E740481C1C}">
              <a14:useLocalDpi xmlns:a14="http://schemas.microsoft.com/office/drawing/2010/main" xmlns=""/>
            </a:ext>
          </a:extLst>
        </a:blip>
        <a:srcRect/>
        <a:stretch>
          <a:fillRect/>
        </a:stretch>
      </xdr:blipFill>
      <xdr:spPr>
        <a:xfrm>
          <a:off x="3351388" y="26924000"/>
          <a:ext cx="937609" cy="762000"/>
        </a:xfrm>
        <a:prstGeom prst="rect">
          <a:avLst/>
        </a:prstGeom>
        <a:noFill/>
        <a:ln>
          <a:noFill/>
        </a:ln>
      </xdr:spPr>
    </xdr:pic>
    <xdr:clientData/>
  </xdr:oneCellAnchor>
  <xdr:oneCellAnchor>
    <xdr:from>
      <xdr:col>2</xdr:col>
      <xdr:colOff>239889</xdr:colOff>
      <xdr:row>28</xdr:row>
      <xdr:rowOff>169334</xdr:rowOff>
    </xdr:from>
    <xdr:ext cx="937609" cy="762001"/>
    <xdr:pic>
      <xdr:nvPicPr>
        <xdr:cNvPr id="63" name="图片 45" descr="\\info-server\产品资料库\09-01-产品图片库\02-海外\01- Network Camera\Easy\Dome\IPC361x(1).png">
          <a:extLst>
            <a:ext uri="{FF2B5EF4-FFF2-40B4-BE49-F238E27FC236}">
              <a16:creationId xmlns="" xmlns:a16="http://schemas.microsoft.com/office/drawing/2014/main" id="{D7CE764F-AB93-4198-A0CE-BCBC18CF7390}"/>
            </a:ext>
          </a:extLst>
        </xdr:cNvPr>
        <xdr:cNvPicPr>
          <a:picLocks noChangeAspect="1"/>
        </xdr:cNvPicPr>
      </xdr:nvPicPr>
      <xdr:blipFill>
        <a:blip xmlns:r="http://schemas.openxmlformats.org/officeDocument/2006/relationships" r:embed="rId4" cstate="email">
          <a:extLst>
            <a:ext uri="{28A0092B-C50C-407E-A947-70E740481C1C}">
              <a14:useLocalDpi xmlns:a14="http://schemas.microsoft.com/office/drawing/2010/main" xmlns=""/>
            </a:ext>
          </a:extLst>
        </a:blip>
        <a:srcRect/>
        <a:stretch>
          <a:fillRect/>
        </a:stretch>
      </xdr:blipFill>
      <xdr:spPr>
        <a:xfrm>
          <a:off x="3337278" y="28059945"/>
          <a:ext cx="937609" cy="762001"/>
        </a:xfrm>
        <a:prstGeom prst="rect">
          <a:avLst/>
        </a:prstGeom>
        <a:noFill/>
        <a:ln>
          <a:noFill/>
        </a:ln>
      </xdr:spPr>
    </xdr:pic>
    <xdr:clientData/>
  </xdr:oneCellAnchor>
  <xdr:oneCellAnchor>
    <xdr:from>
      <xdr:col>2</xdr:col>
      <xdr:colOff>204611</xdr:colOff>
      <xdr:row>5</xdr:row>
      <xdr:rowOff>296333</xdr:rowOff>
    </xdr:from>
    <xdr:ext cx="994834" cy="522112"/>
    <xdr:pic>
      <xdr:nvPicPr>
        <xdr:cNvPr id="86" name="图片 79" descr="C:\Users\z05278\AppData\Local\Temp\HZ$D.236.4325\IPC2122LR3-PF28M-D-FL.png">
          <a:extLst>
            <a:ext uri="{FF2B5EF4-FFF2-40B4-BE49-F238E27FC236}">
              <a16:creationId xmlns="" xmlns:a16="http://schemas.microsoft.com/office/drawing/2014/main" id="{7829FD6A-0433-45EE-9256-56544F608713}"/>
            </a:ext>
          </a:extLst>
        </xdr:cNvPr>
        <xdr:cNvPicPr/>
      </xdr:nvPicPr>
      <xdr:blipFill rotWithShape="1">
        <a:blip xmlns:r="http://schemas.openxmlformats.org/officeDocument/2006/relationships" r:embed="rId5" cstate="print">
          <a:extLst>
            <a:ext uri="{28A0092B-C50C-407E-A947-70E740481C1C}">
              <a14:useLocalDpi xmlns:a14="http://schemas.microsoft.com/office/drawing/2010/main" xmlns="" val="0"/>
            </a:ext>
          </a:extLst>
        </a:blip>
        <a:srcRect l="13677" t="42967" r="14265" b="10790"/>
        <a:stretch/>
      </xdr:blipFill>
      <xdr:spPr bwMode="auto">
        <a:xfrm>
          <a:off x="3302000" y="1368777"/>
          <a:ext cx="994834" cy="522112"/>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190499</xdr:colOff>
      <xdr:row>14</xdr:row>
      <xdr:rowOff>239889</xdr:rowOff>
    </xdr:from>
    <xdr:ext cx="882151" cy="670278"/>
    <xdr:pic>
      <xdr:nvPicPr>
        <xdr:cNvPr id="88" name="图片 80" descr="\\info-server\产品资料库\05-产品宣传彩页\英文版\01 IPC\01 IPC\1.Easy\Dome\8MP\UNV IPC328LR3-DVSPF28(40)-F\图片\4K半球_F.png">
          <a:extLst>
            <a:ext uri="{FF2B5EF4-FFF2-40B4-BE49-F238E27FC236}">
              <a16:creationId xmlns="" xmlns:a16="http://schemas.microsoft.com/office/drawing/2014/main" id="{508320DF-3DA8-444D-8E1D-2F2C6A388AAD}"/>
            </a:ext>
          </a:extLst>
        </xdr:cNvPr>
        <xdr:cNvPicPr>
          <a:picLocks noChangeAspect="1"/>
        </xdr:cNvPicPr>
      </xdr:nvPicPr>
      <xdr:blipFill rotWithShape="1">
        <a:blip xmlns:r="http://schemas.openxmlformats.org/officeDocument/2006/relationships" r:embed="rId6" cstate="print">
          <a:extLst>
            <a:ext uri="{28A0092B-C50C-407E-A947-70E740481C1C}">
              <a14:useLocalDpi xmlns:a14="http://schemas.microsoft.com/office/drawing/2010/main" xmlns="" val="0"/>
            </a:ext>
          </a:extLst>
        </a:blip>
        <a:srcRect l="26314" t="10893" r="26640" b="17855"/>
        <a:stretch/>
      </xdr:blipFill>
      <xdr:spPr bwMode="auto">
        <a:xfrm>
          <a:off x="3287888" y="12227278"/>
          <a:ext cx="882151" cy="670278"/>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310445</xdr:colOff>
      <xdr:row>22</xdr:row>
      <xdr:rowOff>197555</xdr:rowOff>
    </xdr:from>
    <xdr:ext cx="818444" cy="684389"/>
    <xdr:pic>
      <xdr:nvPicPr>
        <xdr:cNvPr id="90" name="图片 81" descr="\\info-server\产品资料库\09-01-产品图片库\IDG\01-产品效果图\01-摄像机\产品渲染图总汇\海螺类\定焦海螺\两件套海螺\金属球体\UNV\有mic\1.png">
          <a:extLst>
            <a:ext uri="{FF2B5EF4-FFF2-40B4-BE49-F238E27FC236}">
              <a16:creationId xmlns="" xmlns:a16="http://schemas.microsoft.com/office/drawing/2014/main" id="{FCF5B293-5AAF-41F6-891C-D5A09B56981E}"/>
            </a:ext>
          </a:extLst>
        </xdr:cNvPr>
        <xdr:cNvPicPr/>
      </xdr:nvPicPr>
      <xdr:blipFill rotWithShape="1">
        <a:blip xmlns:r="http://schemas.openxmlformats.org/officeDocument/2006/relationships" r:embed="rId7" cstate="print">
          <a:extLst>
            <a:ext uri="{28A0092B-C50C-407E-A947-70E740481C1C}">
              <a14:useLocalDpi xmlns:a14="http://schemas.microsoft.com/office/drawing/2010/main" xmlns="" val="0"/>
            </a:ext>
          </a:extLst>
        </a:blip>
        <a:srcRect l="35724" t="14585" r="22817" b="30312"/>
        <a:stretch/>
      </xdr:blipFill>
      <xdr:spPr bwMode="auto">
        <a:xfrm>
          <a:off x="3407834" y="16728722"/>
          <a:ext cx="818444" cy="684389"/>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04611</xdr:colOff>
      <xdr:row>33</xdr:row>
      <xdr:rowOff>239889</xdr:rowOff>
    </xdr:from>
    <xdr:ext cx="931334" cy="430389"/>
    <xdr:pic>
      <xdr:nvPicPr>
        <xdr:cNvPr id="92" name="图片 82" descr="\\info-server\产品资料库\05-产品宣传彩页\英文版\01 IPC\01 IPC\1.Easy\Bullet\5MP\UNV IPC2325LBR3-SP(Z28)-D\图片\IPC232X-FR.png">
          <a:extLst>
            <a:ext uri="{FF2B5EF4-FFF2-40B4-BE49-F238E27FC236}">
              <a16:creationId xmlns="" xmlns:a16="http://schemas.microsoft.com/office/drawing/2014/main" id="{FA2BE11F-5133-4B4A-92D6-EEA430BDDE47}"/>
            </a:ext>
          </a:extLst>
        </xdr:cNvPr>
        <xdr:cNvPicPr/>
      </xdr:nvPicPr>
      <xdr:blipFill rotWithShape="1">
        <a:blip xmlns:r="http://schemas.openxmlformats.org/officeDocument/2006/relationships" r:embed="rId8" cstate="print">
          <a:extLst>
            <a:ext uri="{28A0092B-C50C-407E-A947-70E740481C1C}">
              <a14:useLocalDpi xmlns:a14="http://schemas.microsoft.com/office/drawing/2010/main" xmlns="" val="0"/>
            </a:ext>
          </a:extLst>
        </a:blip>
        <a:srcRect l="16611" t="33182" r="22817" b="33818"/>
        <a:stretch/>
      </xdr:blipFill>
      <xdr:spPr bwMode="auto">
        <a:xfrm>
          <a:off x="3302000" y="29915556"/>
          <a:ext cx="931334" cy="430389"/>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54000</xdr:colOff>
      <xdr:row>39</xdr:row>
      <xdr:rowOff>169333</xdr:rowOff>
    </xdr:from>
    <xdr:ext cx="761999" cy="594258"/>
    <xdr:pic>
      <xdr:nvPicPr>
        <xdr:cNvPr id="94" name="图片 83" descr="IPC323x(1)">
          <a:extLst>
            <a:ext uri="{FF2B5EF4-FFF2-40B4-BE49-F238E27FC236}">
              <a16:creationId xmlns="" xmlns:a16="http://schemas.microsoft.com/office/drawing/2014/main" id="{C3745695-4CF6-4614-929D-B8C10BD4D373}"/>
            </a:ext>
          </a:extLst>
        </xdr:cNvPr>
        <xdr:cNvPicPr/>
      </xdr:nvPicPr>
      <xdr:blipFill>
        <a:blip xmlns:r="http://schemas.openxmlformats.org/officeDocument/2006/relationships" r:embed="rId9" cstate="email">
          <a:extLst>
            <a:ext uri="{28A0092B-C50C-407E-A947-70E740481C1C}">
              <a14:useLocalDpi xmlns:a14="http://schemas.microsoft.com/office/drawing/2010/main" xmlns=""/>
            </a:ext>
          </a:extLst>
        </a:blip>
        <a:srcRect/>
        <a:stretch>
          <a:fillRect/>
        </a:stretch>
      </xdr:blipFill>
      <xdr:spPr>
        <a:xfrm>
          <a:off x="3351389" y="39546389"/>
          <a:ext cx="761999" cy="594258"/>
        </a:xfrm>
        <a:prstGeom prst="rect">
          <a:avLst/>
        </a:prstGeom>
        <a:ln>
          <a:noFill/>
        </a:ln>
      </xdr:spPr>
    </xdr:pic>
    <xdr:clientData/>
  </xdr:oneCellAnchor>
  <xdr:oneCellAnchor>
    <xdr:from>
      <xdr:col>2</xdr:col>
      <xdr:colOff>359833</xdr:colOff>
      <xdr:row>44</xdr:row>
      <xdr:rowOff>246945</xdr:rowOff>
    </xdr:from>
    <xdr:ext cx="627529" cy="599514"/>
    <xdr:pic>
      <xdr:nvPicPr>
        <xdr:cNvPr id="96" name="图片 85" descr="方视窗海螺-F">
          <a:extLst>
            <a:ext uri="{FF2B5EF4-FFF2-40B4-BE49-F238E27FC236}">
              <a16:creationId xmlns="" xmlns:a16="http://schemas.microsoft.com/office/drawing/2014/main" id="{667F79FD-6853-4579-BFD5-221800302820}"/>
            </a:ext>
          </a:extLst>
        </xdr:cNvPr>
        <xdr:cNvPicPr/>
      </xdr:nvPicPr>
      <xdr:blipFill>
        <a:blip xmlns:r="http://schemas.openxmlformats.org/officeDocument/2006/relationships" r:embed="rId10" cstate="email">
          <a:extLst>
            <a:ext uri="{28A0092B-C50C-407E-A947-70E740481C1C}">
              <a14:useLocalDpi xmlns:a14="http://schemas.microsoft.com/office/drawing/2010/main" xmlns=""/>
            </a:ext>
          </a:extLst>
        </a:blip>
        <a:srcRect/>
        <a:stretch>
          <a:fillRect/>
        </a:stretch>
      </xdr:blipFill>
      <xdr:spPr bwMode="auto">
        <a:xfrm>
          <a:off x="3457222" y="43321112"/>
          <a:ext cx="627529" cy="599514"/>
        </a:xfrm>
        <a:prstGeom prst="rect">
          <a:avLst/>
        </a:prstGeom>
        <a:noFill/>
        <a:ln>
          <a:noFill/>
        </a:ln>
      </xdr:spPr>
    </xdr:pic>
    <xdr:clientData/>
  </xdr:oneCellAnchor>
  <xdr:oneCellAnchor>
    <xdr:from>
      <xdr:col>2</xdr:col>
      <xdr:colOff>331611</xdr:colOff>
      <xdr:row>43</xdr:row>
      <xdr:rowOff>275166</xdr:rowOff>
    </xdr:from>
    <xdr:ext cx="804333" cy="606778"/>
    <xdr:pic>
      <xdr:nvPicPr>
        <xdr:cNvPr id="51" name="图片 96" descr="IPC323x(1)">
          <a:extLst>
            <a:ext uri="{FF2B5EF4-FFF2-40B4-BE49-F238E27FC236}">
              <a16:creationId xmlns="" xmlns:a16="http://schemas.microsoft.com/office/drawing/2014/main" id="{E9892C3E-7100-4A78-8CA6-A3FC6B3774C2}"/>
            </a:ext>
          </a:extLst>
        </xdr:cNvPr>
        <xdr:cNvPicPr/>
      </xdr:nvPicPr>
      <xdr:blipFill>
        <a:blip xmlns:r="http://schemas.openxmlformats.org/officeDocument/2006/relationships" r:embed="rId9" cstate="email">
          <a:extLst>
            <a:ext uri="{28A0092B-C50C-407E-A947-70E740481C1C}">
              <a14:useLocalDpi xmlns:a14="http://schemas.microsoft.com/office/drawing/2010/main" xmlns=""/>
            </a:ext>
          </a:extLst>
        </a:blip>
        <a:srcRect/>
        <a:stretch>
          <a:fillRect/>
        </a:stretch>
      </xdr:blipFill>
      <xdr:spPr>
        <a:xfrm>
          <a:off x="3429000" y="43349333"/>
          <a:ext cx="804333" cy="606778"/>
        </a:xfrm>
        <a:prstGeom prst="rect">
          <a:avLst/>
        </a:prstGeom>
        <a:ln>
          <a:noFill/>
        </a:ln>
      </xdr:spPr>
    </xdr:pic>
    <xdr:clientData/>
  </xdr:oneCellAnchor>
  <xdr:oneCellAnchor>
    <xdr:from>
      <xdr:col>2</xdr:col>
      <xdr:colOff>254000</xdr:colOff>
      <xdr:row>35</xdr:row>
      <xdr:rowOff>218721</xdr:rowOff>
    </xdr:from>
    <xdr:ext cx="832555" cy="430389"/>
    <xdr:pic>
      <xdr:nvPicPr>
        <xdr:cNvPr id="67" name="图片 89" descr="\\info-server\产品资料库\05-产品宣传彩页\英文版\01 IPC\01 IPC\1.Easy\Bullet\5MP\UNV IPC2325LBR3-SP(Z28)-D\图片\IPC232X-FR.png">
          <a:extLst>
            <a:ext uri="{FF2B5EF4-FFF2-40B4-BE49-F238E27FC236}">
              <a16:creationId xmlns="" xmlns:a16="http://schemas.microsoft.com/office/drawing/2014/main" id="{506C78F4-89BF-47A8-9C55-8118DC5D2915}"/>
            </a:ext>
          </a:extLst>
        </xdr:cNvPr>
        <xdr:cNvPicPr/>
      </xdr:nvPicPr>
      <xdr:blipFill rotWithShape="1">
        <a:blip xmlns:r="http://schemas.openxmlformats.org/officeDocument/2006/relationships" r:embed="rId8" cstate="print">
          <a:extLst>
            <a:ext uri="{28A0092B-C50C-407E-A947-70E740481C1C}">
              <a14:useLocalDpi xmlns:a14="http://schemas.microsoft.com/office/drawing/2010/main" xmlns="" val="0"/>
            </a:ext>
          </a:extLst>
        </a:blip>
        <a:srcRect l="16611" t="33182" r="22817" b="33818"/>
        <a:stretch/>
      </xdr:blipFill>
      <xdr:spPr bwMode="auto">
        <a:xfrm>
          <a:off x="3351389" y="30825721"/>
          <a:ext cx="832555" cy="430389"/>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82222</xdr:colOff>
      <xdr:row>36</xdr:row>
      <xdr:rowOff>190500</xdr:rowOff>
    </xdr:from>
    <xdr:ext cx="928688" cy="447145"/>
    <xdr:pic>
      <xdr:nvPicPr>
        <xdr:cNvPr id="69" name="图片 51" descr="\\info-server\产品资料库\05-产品宣传彩页\英文版\01 IPC\01 IPC\1.Easy\Bullet\5MP\UNV IPC2325LBR3-SP(Z28)-D\图片\IPC232X-FR.png">
          <a:extLst>
            <a:ext uri="{FF2B5EF4-FFF2-40B4-BE49-F238E27FC236}">
              <a16:creationId xmlns="" xmlns:a16="http://schemas.microsoft.com/office/drawing/2014/main" id="{CABE9DA8-6019-46E7-8610-2DD4C3AF8EF8}"/>
            </a:ext>
          </a:extLst>
        </xdr:cNvPr>
        <xdr:cNvPicPr/>
      </xdr:nvPicPr>
      <xdr:blipFill rotWithShape="1">
        <a:blip xmlns:r="http://schemas.openxmlformats.org/officeDocument/2006/relationships" r:embed="rId11" cstate="email">
          <a:extLst>
            <a:ext uri="{28A0092B-C50C-407E-A947-70E740481C1C}">
              <a14:useLocalDpi xmlns:a14="http://schemas.microsoft.com/office/drawing/2010/main" xmlns=""/>
            </a:ext>
          </a:extLst>
        </a:blip>
        <a:srcRect/>
        <a:stretch/>
      </xdr:blipFill>
      <xdr:spPr bwMode="auto">
        <a:xfrm>
          <a:off x="3379611" y="33591500"/>
          <a:ext cx="928688" cy="447145"/>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19604</xdr:colOff>
      <xdr:row>34</xdr:row>
      <xdr:rowOff>178152</xdr:rowOff>
    </xdr:from>
    <xdr:ext cx="928688" cy="447145"/>
    <xdr:pic>
      <xdr:nvPicPr>
        <xdr:cNvPr id="49" name="图片 51" descr="\\info-server\产品资料库\05-产品宣传彩页\英文版\01 IPC\01 IPC\1.Easy\Bullet\5MP\UNV IPC2325LBR3-SP(Z28)-D\图片\IPC232X-FR.png">
          <a:extLst>
            <a:ext uri="{FF2B5EF4-FFF2-40B4-BE49-F238E27FC236}">
              <a16:creationId xmlns="" xmlns:a16="http://schemas.microsoft.com/office/drawing/2014/main" id="{37C127F3-9AEE-4693-B055-BF4D6FDFC24E}"/>
            </a:ext>
          </a:extLst>
        </xdr:cNvPr>
        <xdr:cNvPicPr/>
      </xdr:nvPicPr>
      <xdr:blipFill rotWithShape="1">
        <a:blip xmlns:r="http://schemas.openxmlformats.org/officeDocument/2006/relationships" r:embed="rId11" cstate="email">
          <a:extLst>
            <a:ext uri="{28A0092B-C50C-407E-A947-70E740481C1C}">
              <a14:useLocalDpi xmlns:a14="http://schemas.microsoft.com/office/drawing/2010/main" xmlns=""/>
            </a:ext>
          </a:extLst>
        </a:blip>
        <a:srcRect/>
        <a:stretch/>
      </xdr:blipFill>
      <xdr:spPr bwMode="auto">
        <a:xfrm>
          <a:off x="3316993" y="33579152"/>
          <a:ext cx="928688" cy="447145"/>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68111</xdr:colOff>
      <xdr:row>37</xdr:row>
      <xdr:rowOff>246944</xdr:rowOff>
    </xdr:from>
    <xdr:ext cx="917222" cy="444500"/>
    <xdr:pic>
      <xdr:nvPicPr>
        <xdr:cNvPr id="70" name="图片 95" descr="\\info-server\产品资料库\05-产品宣传彩页\英文版\01 IPC\01 IPC\1.Easy\Bullet\5MP\UNV IPC2325LBR3-SP(Z28)-D\图片\IPC232X-FR.png">
          <a:extLst>
            <a:ext uri="{FF2B5EF4-FFF2-40B4-BE49-F238E27FC236}">
              <a16:creationId xmlns="" xmlns:a16="http://schemas.microsoft.com/office/drawing/2014/main" id="{FA0F811F-DC12-423F-B140-BBCE77F7A7B1}"/>
            </a:ext>
          </a:extLst>
        </xdr:cNvPr>
        <xdr:cNvPicPr/>
      </xdr:nvPicPr>
      <xdr:blipFill rotWithShape="1">
        <a:blip xmlns:r="http://schemas.openxmlformats.org/officeDocument/2006/relationships" r:embed="rId8" cstate="print">
          <a:extLst>
            <a:ext uri="{28A0092B-C50C-407E-A947-70E740481C1C}">
              <a14:useLocalDpi xmlns:a14="http://schemas.microsoft.com/office/drawing/2010/main" xmlns="" val="0"/>
            </a:ext>
          </a:extLst>
        </a:blip>
        <a:srcRect l="16611" t="33182" r="22817" b="33818"/>
        <a:stretch/>
      </xdr:blipFill>
      <xdr:spPr bwMode="auto">
        <a:xfrm>
          <a:off x="3365500" y="34579277"/>
          <a:ext cx="917222" cy="444500"/>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1</xdr:col>
      <xdr:colOff>1799167</xdr:colOff>
      <xdr:row>42</xdr:row>
      <xdr:rowOff>70555</xdr:rowOff>
    </xdr:from>
    <xdr:ext cx="1393472" cy="859895"/>
    <xdr:pic>
      <xdr:nvPicPr>
        <xdr:cNvPr id="71" name="图片 55" descr="\\info-server\产品资料库\09-01-产品图片库\IDG\01-产品效果图\01-摄像机\产品渲染图总汇\半球类\无尾线半球\无尾线经济变焦半球-UNV\无尾线经济变焦半球-UNV_F.png">
          <a:extLst>
            <a:ext uri="{FF2B5EF4-FFF2-40B4-BE49-F238E27FC236}">
              <a16:creationId xmlns="" xmlns:a16="http://schemas.microsoft.com/office/drawing/2014/main" id="{F372D271-7676-4A22-90EC-741ABFD6CBA8}"/>
            </a:ext>
          </a:extLst>
        </xdr:cNvPr>
        <xdr:cNvPicPr/>
      </xdr:nvPicPr>
      <xdr:blipFill>
        <a:blip xmlns:r="http://schemas.openxmlformats.org/officeDocument/2006/relationships" r:embed="rId12" cstate="email">
          <a:extLst>
            <a:ext uri="{28A0092B-C50C-407E-A947-70E740481C1C}">
              <a14:useLocalDpi xmlns:a14="http://schemas.microsoft.com/office/drawing/2010/main" xmlns=""/>
            </a:ext>
          </a:extLst>
        </a:blip>
        <a:srcRect/>
        <a:stretch>
          <a:fillRect/>
        </a:stretch>
      </xdr:blipFill>
      <xdr:spPr bwMode="auto">
        <a:xfrm>
          <a:off x="3062111" y="45106166"/>
          <a:ext cx="1393472" cy="859895"/>
        </a:xfrm>
        <a:prstGeom prst="rect">
          <a:avLst/>
        </a:prstGeom>
        <a:noFill/>
        <a:ln>
          <a:noFill/>
        </a:ln>
      </xdr:spPr>
    </xdr:pic>
    <xdr:clientData/>
  </xdr:oneCellAnchor>
  <xdr:oneCellAnchor>
    <xdr:from>
      <xdr:col>1</xdr:col>
      <xdr:colOff>1800050</xdr:colOff>
      <xdr:row>40</xdr:row>
      <xdr:rowOff>8819</xdr:rowOff>
    </xdr:from>
    <xdr:ext cx="1339673" cy="844903"/>
    <xdr:pic>
      <xdr:nvPicPr>
        <xdr:cNvPr id="72" name="图片 55" descr="\\info-server\产品资料库\09-01-产品图片库\IDG\01-产品效果图\01-摄像机\产品渲染图总汇\半球类\无尾线半球\无尾线经济变焦半球-UNV\无尾线经济变焦半球-UNV_F.png">
          <a:extLst>
            <a:ext uri="{FF2B5EF4-FFF2-40B4-BE49-F238E27FC236}">
              <a16:creationId xmlns="" xmlns:a16="http://schemas.microsoft.com/office/drawing/2014/main" id="{57D63701-6811-491F-8061-A8B57649901E}"/>
            </a:ext>
          </a:extLst>
        </xdr:cNvPr>
        <xdr:cNvPicPr/>
      </xdr:nvPicPr>
      <xdr:blipFill>
        <a:blip xmlns:r="http://schemas.openxmlformats.org/officeDocument/2006/relationships" r:embed="rId12" cstate="email">
          <a:extLst>
            <a:ext uri="{28A0092B-C50C-407E-A947-70E740481C1C}">
              <a14:useLocalDpi xmlns:a14="http://schemas.microsoft.com/office/drawing/2010/main" xmlns=""/>
            </a:ext>
          </a:extLst>
        </a:blip>
        <a:srcRect/>
        <a:stretch>
          <a:fillRect/>
        </a:stretch>
      </xdr:blipFill>
      <xdr:spPr bwMode="auto">
        <a:xfrm>
          <a:off x="3062994" y="44120152"/>
          <a:ext cx="1339673" cy="844903"/>
        </a:xfrm>
        <a:prstGeom prst="rect">
          <a:avLst/>
        </a:prstGeom>
        <a:noFill/>
        <a:ln>
          <a:noFill/>
        </a:ln>
      </xdr:spPr>
    </xdr:pic>
    <xdr:clientData/>
  </xdr:oneCellAnchor>
  <xdr:oneCellAnchor>
    <xdr:from>
      <xdr:col>2</xdr:col>
      <xdr:colOff>289277</xdr:colOff>
      <xdr:row>41</xdr:row>
      <xdr:rowOff>148167</xdr:rowOff>
    </xdr:from>
    <xdr:ext cx="761999" cy="594258"/>
    <xdr:pic>
      <xdr:nvPicPr>
        <xdr:cNvPr id="74" name="图片 90" descr="IPC323x(1)">
          <a:extLst>
            <a:ext uri="{FF2B5EF4-FFF2-40B4-BE49-F238E27FC236}">
              <a16:creationId xmlns="" xmlns:a16="http://schemas.microsoft.com/office/drawing/2014/main" id="{E8E55FC1-E9F3-4FA1-9C33-6A3B872A2300}"/>
            </a:ext>
          </a:extLst>
        </xdr:cNvPr>
        <xdr:cNvPicPr/>
      </xdr:nvPicPr>
      <xdr:blipFill>
        <a:blip xmlns:r="http://schemas.openxmlformats.org/officeDocument/2006/relationships" r:embed="rId9" cstate="email">
          <a:extLst>
            <a:ext uri="{28A0092B-C50C-407E-A947-70E740481C1C}">
              <a14:useLocalDpi xmlns:a14="http://schemas.microsoft.com/office/drawing/2010/main" xmlns=""/>
            </a:ext>
          </a:extLst>
        </a:blip>
        <a:srcRect/>
        <a:stretch>
          <a:fillRect/>
        </a:stretch>
      </xdr:blipFill>
      <xdr:spPr>
        <a:xfrm>
          <a:off x="3386666" y="43335223"/>
          <a:ext cx="761999" cy="594258"/>
        </a:xfrm>
        <a:prstGeom prst="rect">
          <a:avLst/>
        </a:prstGeom>
        <a:ln>
          <a:noFill/>
        </a:ln>
      </xdr:spPr>
    </xdr:pic>
    <xdr:clientData/>
  </xdr:oneCellAnchor>
  <xdr:oneCellAnchor>
    <xdr:from>
      <xdr:col>2</xdr:col>
      <xdr:colOff>345722</xdr:colOff>
      <xdr:row>47</xdr:row>
      <xdr:rowOff>105833</xdr:rowOff>
    </xdr:from>
    <xdr:ext cx="702909" cy="672925"/>
    <xdr:pic>
      <xdr:nvPicPr>
        <xdr:cNvPr id="75" name="图片 54">
          <a:extLst>
            <a:ext uri="{FF2B5EF4-FFF2-40B4-BE49-F238E27FC236}">
              <a16:creationId xmlns="" xmlns:a16="http://schemas.microsoft.com/office/drawing/2014/main" id="{66192518-C257-4215-81B9-0607B3BCC6AA}"/>
            </a:ext>
          </a:extLst>
        </xdr:cNvPr>
        <xdr:cNvPicPr/>
      </xdr:nvPicPr>
      <xdr:blipFill>
        <a:blip xmlns:r="http://schemas.openxmlformats.org/officeDocument/2006/relationships" r:embed="rId13" cstate="email">
          <a:extLst>
            <a:ext uri="{28A0092B-C50C-407E-A947-70E740481C1C}">
              <a14:useLocalDpi xmlns:a14="http://schemas.microsoft.com/office/drawing/2010/main" xmlns=""/>
            </a:ext>
          </a:extLst>
        </a:blip>
        <a:srcRect/>
        <a:stretch>
          <a:fillRect/>
        </a:stretch>
      </xdr:blipFill>
      <xdr:spPr>
        <a:xfrm>
          <a:off x="2218696" y="29481485"/>
          <a:ext cx="702909" cy="672925"/>
        </a:xfrm>
        <a:prstGeom prst="rect">
          <a:avLst/>
        </a:prstGeom>
        <a:noFill/>
        <a:ln>
          <a:noFill/>
        </a:ln>
      </xdr:spPr>
    </xdr:pic>
    <xdr:clientData/>
  </xdr:oneCellAnchor>
  <xdr:oneCellAnchor>
    <xdr:from>
      <xdr:col>2</xdr:col>
      <xdr:colOff>320146</xdr:colOff>
      <xdr:row>45</xdr:row>
      <xdr:rowOff>117297</xdr:rowOff>
    </xdr:from>
    <xdr:ext cx="702909" cy="672925"/>
    <xdr:pic>
      <xdr:nvPicPr>
        <xdr:cNvPr id="76" name="图片 54">
          <a:extLst>
            <a:ext uri="{FF2B5EF4-FFF2-40B4-BE49-F238E27FC236}">
              <a16:creationId xmlns="" xmlns:a16="http://schemas.microsoft.com/office/drawing/2014/main" id="{CBA8BAB3-2356-4704-A1E9-FD50418AF5DB}"/>
            </a:ext>
          </a:extLst>
        </xdr:cNvPr>
        <xdr:cNvPicPr/>
      </xdr:nvPicPr>
      <xdr:blipFill>
        <a:blip xmlns:r="http://schemas.openxmlformats.org/officeDocument/2006/relationships" r:embed="rId13" cstate="email">
          <a:extLst>
            <a:ext uri="{28A0092B-C50C-407E-A947-70E740481C1C}">
              <a14:useLocalDpi xmlns:a14="http://schemas.microsoft.com/office/drawing/2010/main" xmlns=""/>
            </a:ext>
          </a:extLst>
        </a:blip>
        <a:srcRect/>
        <a:stretch>
          <a:fillRect/>
        </a:stretch>
      </xdr:blipFill>
      <xdr:spPr>
        <a:xfrm>
          <a:off x="3417535" y="48320853"/>
          <a:ext cx="702909" cy="672925"/>
        </a:xfrm>
        <a:prstGeom prst="rect">
          <a:avLst/>
        </a:prstGeom>
        <a:noFill/>
        <a:ln>
          <a:noFill/>
        </a:ln>
      </xdr:spPr>
    </xdr:pic>
    <xdr:clientData/>
  </xdr:oneCellAnchor>
  <xdr:oneCellAnchor>
    <xdr:from>
      <xdr:col>2</xdr:col>
      <xdr:colOff>345722</xdr:colOff>
      <xdr:row>46</xdr:row>
      <xdr:rowOff>211667</xdr:rowOff>
    </xdr:from>
    <xdr:ext cx="627529" cy="599514"/>
    <xdr:pic>
      <xdr:nvPicPr>
        <xdr:cNvPr id="78" name="图片 91" descr="方视窗海螺-F">
          <a:extLst>
            <a:ext uri="{FF2B5EF4-FFF2-40B4-BE49-F238E27FC236}">
              <a16:creationId xmlns="" xmlns:a16="http://schemas.microsoft.com/office/drawing/2014/main" id="{718EC3EE-E72A-4713-8D0E-0DF6A1DD4526}"/>
            </a:ext>
          </a:extLst>
        </xdr:cNvPr>
        <xdr:cNvPicPr/>
      </xdr:nvPicPr>
      <xdr:blipFill>
        <a:blip xmlns:r="http://schemas.openxmlformats.org/officeDocument/2006/relationships" r:embed="rId10" cstate="email">
          <a:extLst>
            <a:ext uri="{28A0092B-C50C-407E-A947-70E740481C1C}">
              <a14:useLocalDpi xmlns:a14="http://schemas.microsoft.com/office/drawing/2010/main" xmlns=""/>
            </a:ext>
          </a:extLst>
        </a:blip>
        <a:srcRect/>
        <a:stretch>
          <a:fillRect/>
        </a:stretch>
      </xdr:blipFill>
      <xdr:spPr bwMode="auto">
        <a:xfrm>
          <a:off x="3443111" y="49332445"/>
          <a:ext cx="627529" cy="599514"/>
        </a:xfrm>
        <a:prstGeom prst="rect">
          <a:avLst/>
        </a:prstGeom>
        <a:noFill/>
        <a:ln>
          <a:noFill/>
        </a:ln>
      </xdr:spPr>
    </xdr:pic>
    <xdr:clientData/>
  </xdr:oneCellAnchor>
  <xdr:oneCellAnchor>
    <xdr:from>
      <xdr:col>2</xdr:col>
      <xdr:colOff>352778</xdr:colOff>
      <xdr:row>48</xdr:row>
      <xdr:rowOff>183444</xdr:rowOff>
    </xdr:from>
    <xdr:ext cx="627529" cy="599514"/>
    <xdr:pic>
      <xdr:nvPicPr>
        <xdr:cNvPr id="87" name="图片 97" descr="方视窗海螺-F">
          <a:extLst>
            <a:ext uri="{FF2B5EF4-FFF2-40B4-BE49-F238E27FC236}">
              <a16:creationId xmlns="" xmlns:a16="http://schemas.microsoft.com/office/drawing/2014/main" id="{056044DB-B935-4E14-9AC3-24D55CB95693}"/>
            </a:ext>
          </a:extLst>
        </xdr:cNvPr>
        <xdr:cNvPicPr/>
      </xdr:nvPicPr>
      <xdr:blipFill>
        <a:blip xmlns:r="http://schemas.openxmlformats.org/officeDocument/2006/relationships" r:embed="rId10" cstate="email">
          <a:extLst>
            <a:ext uri="{28A0092B-C50C-407E-A947-70E740481C1C}">
              <a14:useLocalDpi xmlns:a14="http://schemas.microsoft.com/office/drawing/2010/main" xmlns=""/>
            </a:ext>
          </a:extLst>
        </a:blip>
        <a:srcRect/>
        <a:stretch>
          <a:fillRect/>
        </a:stretch>
      </xdr:blipFill>
      <xdr:spPr bwMode="auto">
        <a:xfrm>
          <a:off x="3450167" y="52465111"/>
          <a:ext cx="627529" cy="599514"/>
        </a:xfrm>
        <a:prstGeom prst="rect">
          <a:avLst/>
        </a:prstGeom>
        <a:noFill/>
        <a:ln>
          <a:noFill/>
        </a:ln>
      </xdr:spPr>
    </xdr:pic>
    <xdr:clientData/>
  </xdr:oneCellAnchor>
  <xdr:oneCellAnchor>
    <xdr:from>
      <xdr:col>2</xdr:col>
      <xdr:colOff>204611</xdr:colOff>
      <xdr:row>9</xdr:row>
      <xdr:rowOff>296333</xdr:rowOff>
    </xdr:from>
    <xdr:ext cx="994834" cy="522112"/>
    <xdr:pic>
      <xdr:nvPicPr>
        <xdr:cNvPr id="73" name="图片 79" descr="C:\Users\z05278\AppData\Local\Temp\HZ$D.236.4325\IPC2122LR3-PF28M-D-FL.png">
          <a:extLst>
            <a:ext uri="{FF2B5EF4-FFF2-40B4-BE49-F238E27FC236}">
              <a16:creationId xmlns="" xmlns:a16="http://schemas.microsoft.com/office/drawing/2014/main" id="{B93E680D-6FD5-4158-9982-8BAE42AF0740}"/>
            </a:ext>
          </a:extLst>
        </xdr:cNvPr>
        <xdr:cNvPicPr/>
      </xdr:nvPicPr>
      <xdr:blipFill rotWithShape="1">
        <a:blip xmlns:r="http://schemas.openxmlformats.org/officeDocument/2006/relationships" r:embed="rId5" cstate="print">
          <a:extLst>
            <a:ext uri="{28A0092B-C50C-407E-A947-70E740481C1C}">
              <a14:useLocalDpi xmlns:a14="http://schemas.microsoft.com/office/drawing/2010/main" xmlns="" val="0"/>
            </a:ext>
          </a:extLst>
        </a:blip>
        <a:srcRect l="13677" t="42967" r="14265" b="10790"/>
        <a:stretch/>
      </xdr:blipFill>
      <xdr:spPr bwMode="auto">
        <a:xfrm>
          <a:off x="3302000" y="1368777"/>
          <a:ext cx="994834" cy="522112"/>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190499</xdr:colOff>
      <xdr:row>18</xdr:row>
      <xdr:rowOff>239889</xdr:rowOff>
    </xdr:from>
    <xdr:ext cx="882151" cy="670278"/>
    <xdr:pic>
      <xdr:nvPicPr>
        <xdr:cNvPr id="79" name="图片 80" descr="\\info-server\产品资料库\05-产品宣传彩页\英文版\01 IPC\01 IPC\1.Easy\Dome\8MP\UNV IPC328LR3-DVSPF28(40)-F\图片\4K半球_F.png">
          <a:extLst>
            <a:ext uri="{FF2B5EF4-FFF2-40B4-BE49-F238E27FC236}">
              <a16:creationId xmlns="" xmlns:a16="http://schemas.microsoft.com/office/drawing/2014/main" id="{00C08DB9-7E91-42DD-AC25-D6C4767823AA}"/>
            </a:ext>
          </a:extLst>
        </xdr:cNvPr>
        <xdr:cNvPicPr>
          <a:picLocks noChangeAspect="1"/>
        </xdr:cNvPicPr>
      </xdr:nvPicPr>
      <xdr:blipFill rotWithShape="1">
        <a:blip xmlns:r="http://schemas.openxmlformats.org/officeDocument/2006/relationships" r:embed="rId6" cstate="print">
          <a:extLst>
            <a:ext uri="{28A0092B-C50C-407E-A947-70E740481C1C}">
              <a14:useLocalDpi xmlns:a14="http://schemas.microsoft.com/office/drawing/2010/main" xmlns="" val="0"/>
            </a:ext>
          </a:extLst>
        </a:blip>
        <a:srcRect l="26314" t="10893" r="26640" b="17855"/>
        <a:stretch/>
      </xdr:blipFill>
      <xdr:spPr bwMode="auto">
        <a:xfrm>
          <a:off x="3287888" y="13320889"/>
          <a:ext cx="882151" cy="670278"/>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310445</xdr:colOff>
      <xdr:row>26</xdr:row>
      <xdr:rowOff>197555</xdr:rowOff>
    </xdr:from>
    <xdr:ext cx="818444" cy="684389"/>
    <xdr:pic>
      <xdr:nvPicPr>
        <xdr:cNvPr id="81" name="图片 81" descr="\\info-server\产品资料库\09-01-产品图片库\IDG\01-产品效果图\01-摄像机\产品渲染图总汇\海螺类\定焦海螺\两件套海螺\金属球体\UNV\有mic\1.png">
          <a:extLst>
            <a:ext uri="{FF2B5EF4-FFF2-40B4-BE49-F238E27FC236}">
              <a16:creationId xmlns="" xmlns:a16="http://schemas.microsoft.com/office/drawing/2014/main" id="{D94F3339-1417-4442-A708-FA332967B460}"/>
            </a:ext>
          </a:extLst>
        </xdr:cNvPr>
        <xdr:cNvPicPr/>
      </xdr:nvPicPr>
      <xdr:blipFill rotWithShape="1">
        <a:blip xmlns:r="http://schemas.openxmlformats.org/officeDocument/2006/relationships" r:embed="rId7" cstate="print">
          <a:extLst>
            <a:ext uri="{28A0092B-C50C-407E-A947-70E740481C1C}">
              <a14:useLocalDpi xmlns:a14="http://schemas.microsoft.com/office/drawing/2010/main" xmlns="" val="0"/>
            </a:ext>
          </a:extLst>
        </a:blip>
        <a:srcRect l="35724" t="14585" r="22817" b="30312"/>
        <a:stretch/>
      </xdr:blipFill>
      <xdr:spPr bwMode="auto">
        <a:xfrm>
          <a:off x="3407834" y="17822333"/>
          <a:ext cx="818444" cy="684389"/>
        </a:xfrm>
        <a:prstGeom prst="rect">
          <a:avLst/>
        </a:prstGeom>
        <a:noFill/>
        <a:ln>
          <a:noFill/>
        </a:ln>
        <a:extLst>
          <a:ext uri="{53640926-AAD7-44D8-BBD7-CCE9431645EC}">
            <a14:shadowObscured xmlns:a14="http://schemas.microsoft.com/office/drawing/2010/main" xmlns=""/>
          </a:ext>
        </a:extLst>
      </xdr:spPr>
    </xdr:pic>
    <xdr:clientData/>
  </xdr:oneCellAnchor>
  <xdr:twoCellAnchor>
    <xdr:from>
      <xdr:col>2</xdr:col>
      <xdr:colOff>208792</xdr:colOff>
      <xdr:row>30</xdr:row>
      <xdr:rowOff>585614</xdr:rowOff>
    </xdr:from>
    <xdr:to>
      <xdr:col>2</xdr:col>
      <xdr:colOff>1194771</xdr:colOff>
      <xdr:row>31</xdr:row>
      <xdr:rowOff>292808</xdr:rowOff>
    </xdr:to>
    <xdr:pic>
      <xdr:nvPicPr>
        <xdr:cNvPr id="83" name="Picture 3" descr="\\info-server\产品资料库\09-01-产品图片库\01-国内\01-摄像机\蝶形机\蝶形机_F.png">
          <a:extLst>
            <a:ext uri="{FF2B5EF4-FFF2-40B4-BE49-F238E27FC236}">
              <a16:creationId xmlns="" xmlns:a16="http://schemas.microsoft.com/office/drawing/2014/main" id="{80E7DB70-6BD8-458D-816B-B80E8B6D2DA1}"/>
            </a:ext>
          </a:extLst>
        </xdr:cNvPr>
        <xdr:cNvPicPr>
          <a:picLocks noChangeAspect="1" noChangeArrowheads="1"/>
        </xdr:cNvPicPr>
      </xdr:nvPicPr>
      <xdr:blipFill>
        <a:blip xmlns:r="http://schemas.openxmlformats.org/officeDocument/2006/relationships" r:embed="rId14" cstate="email">
          <a:extLst>
            <a:ext uri="{28A0092B-C50C-407E-A947-70E740481C1C}">
              <a14:useLocalDpi xmlns:a14="http://schemas.microsoft.com/office/drawing/2010/main" xmlns=""/>
            </a:ext>
          </a:extLst>
        </a:blip>
        <a:srcRect/>
        <a:stretch>
          <a:fillRect/>
        </a:stretch>
      </xdr:blipFill>
      <xdr:spPr>
        <a:xfrm>
          <a:off x="3306181" y="22556614"/>
          <a:ext cx="985979" cy="539750"/>
        </a:xfrm>
        <a:prstGeom prst="rect">
          <a:avLst/>
        </a:prstGeom>
        <a:noFill/>
      </xdr:spPr>
    </xdr:pic>
    <xdr:clientData/>
  </xdr:twoCellAnchor>
</xdr:wsDr>
</file>

<file path=xl/drawings/drawing4.xml><?xml version="1.0" encoding="utf-8"?>
<xdr:wsDr xmlns:xdr="http://schemas.openxmlformats.org/drawingml/2006/spreadsheetDrawing" xmlns:a="http://schemas.openxmlformats.org/drawingml/2006/main">
  <xdr:oneCellAnchor>
    <xdr:from>
      <xdr:col>2</xdr:col>
      <xdr:colOff>327024</xdr:colOff>
      <xdr:row>11</xdr:row>
      <xdr:rowOff>783166</xdr:rowOff>
    </xdr:from>
    <xdr:ext cx="647700" cy="1080028"/>
    <xdr:pic>
      <xdr:nvPicPr>
        <xdr:cNvPr id="5" name="图片 54">
          <a:extLst>
            <a:ext uri="{FF2B5EF4-FFF2-40B4-BE49-F238E27FC236}">
              <a16:creationId xmlns="" xmlns:a16="http://schemas.microsoft.com/office/drawing/2014/main" id="{FDA641FE-95CC-4EB0-BDD2-829DF5CA1763}"/>
            </a:ext>
          </a:extLst>
        </xdr:cNvPr>
        <xdr:cNvPicPr/>
      </xdr:nvPicPr>
      <xdr:blipFill>
        <a:blip xmlns:r="http://schemas.openxmlformats.org/officeDocument/2006/relationships" r:embed="rId1" cstate="email">
          <a:extLst>
            <a:ext uri="{28A0092B-C50C-407E-A947-70E740481C1C}">
              <a14:useLocalDpi xmlns:a14="http://schemas.microsoft.com/office/drawing/2010/main" xmlns=""/>
            </a:ext>
          </a:extLst>
        </a:blip>
        <a:stretch>
          <a:fillRect/>
        </a:stretch>
      </xdr:blipFill>
      <xdr:spPr>
        <a:xfrm>
          <a:off x="3872441" y="7545916"/>
          <a:ext cx="647700" cy="1080028"/>
        </a:xfrm>
        <a:prstGeom prst="rect">
          <a:avLst/>
        </a:prstGeom>
      </xdr:spPr>
    </xdr:pic>
    <xdr:clientData/>
  </xdr:oneCellAnchor>
  <xdr:twoCellAnchor editAs="oneCell">
    <xdr:from>
      <xdr:col>1</xdr:col>
      <xdr:colOff>491348</xdr:colOff>
      <xdr:row>0</xdr:row>
      <xdr:rowOff>0</xdr:rowOff>
    </xdr:from>
    <xdr:to>
      <xdr:col>1</xdr:col>
      <xdr:colOff>903110</xdr:colOff>
      <xdr:row>1</xdr:row>
      <xdr:rowOff>58792</xdr:rowOff>
    </xdr:to>
    <xdr:pic>
      <xdr:nvPicPr>
        <xdr:cNvPr id="6" name="Рисунок 38" descr="TWQRjrhb_400x400.jpg">
          <a:extLst>
            <a:ext uri="{FF2B5EF4-FFF2-40B4-BE49-F238E27FC236}">
              <a16:creationId xmlns="" xmlns:a16="http://schemas.microsoft.com/office/drawing/2014/main" id="{72069019-4010-451F-B49D-7AAC1A8B37A1}"/>
            </a:ext>
          </a:extLst>
        </xdr:cNvPr>
        <xdr:cNvPicPr>
          <a:picLocks noChangeAspect="1"/>
        </xdr:cNvPicPr>
      </xdr:nvPicPr>
      <xdr:blipFill>
        <a:blip xmlns:r="http://schemas.openxmlformats.org/officeDocument/2006/relationships" r:embed="rId2" cstate="email">
          <a:extLst>
            <a:ext uri="{28A0092B-C50C-407E-A947-70E740481C1C}">
              <a14:useLocalDpi xmlns:a14="http://schemas.microsoft.com/office/drawing/2010/main" xmlns=""/>
            </a:ext>
          </a:extLst>
        </a:blip>
        <a:stretch>
          <a:fillRect/>
        </a:stretch>
      </xdr:blipFill>
      <xdr:spPr>
        <a:xfrm>
          <a:off x="2050626" y="0"/>
          <a:ext cx="411762" cy="206959"/>
        </a:xfrm>
        <a:prstGeom prst="rect">
          <a:avLst/>
        </a:prstGeom>
      </xdr:spPr>
    </xdr:pic>
    <xdr:clientData/>
  </xdr:twoCellAnchor>
  <xdr:twoCellAnchor>
    <xdr:from>
      <xdr:col>2</xdr:col>
      <xdr:colOff>352779</xdr:colOff>
      <xdr:row>5</xdr:row>
      <xdr:rowOff>63501</xdr:rowOff>
    </xdr:from>
    <xdr:to>
      <xdr:col>2</xdr:col>
      <xdr:colOff>945445</xdr:colOff>
      <xdr:row>5</xdr:row>
      <xdr:rowOff>701290</xdr:rowOff>
    </xdr:to>
    <xdr:pic>
      <xdr:nvPicPr>
        <xdr:cNvPr id="27" name="图片 5">
          <a:extLst>
            <a:ext uri="{FF2B5EF4-FFF2-40B4-BE49-F238E27FC236}">
              <a16:creationId xmlns="" xmlns:a16="http://schemas.microsoft.com/office/drawing/2014/main" id="{260F6B8B-0CE8-4092-B389-21B1EA27CA6D}"/>
            </a:ext>
          </a:extLst>
        </xdr:cNvPr>
        <xdr:cNvPicPr>
          <a:picLocks noChangeAspect="1"/>
        </xdr:cNvPicPr>
      </xdr:nvPicPr>
      <xdr:blipFill>
        <a:blip xmlns:r="http://schemas.openxmlformats.org/officeDocument/2006/relationships" r:embed="rId3" cstate="email">
          <a:extLst>
            <a:ext uri="{28A0092B-C50C-407E-A947-70E740481C1C}">
              <a14:useLocalDpi xmlns:a14="http://schemas.microsoft.com/office/drawing/2010/main" xmlns=""/>
            </a:ext>
          </a:extLst>
        </a:blip>
        <a:srcRect/>
        <a:stretch>
          <a:fillRect/>
        </a:stretch>
      </xdr:blipFill>
      <xdr:spPr>
        <a:xfrm>
          <a:off x="3619501" y="1072445"/>
          <a:ext cx="592666" cy="637789"/>
        </a:xfrm>
        <a:prstGeom prst="rect">
          <a:avLst/>
        </a:prstGeom>
        <a:ln>
          <a:noFill/>
        </a:ln>
      </xdr:spPr>
    </xdr:pic>
    <xdr:clientData/>
  </xdr:twoCellAnchor>
  <xdr:twoCellAnchor>
    <xdr:from>
      <xdr:col>2</xdr:col>
      <xdr:colOff>239889</xdr:colOff>
      <xdr:row>6</xdr:row>
      <xdr:rowOff>70555</xdr:rowOff>
    </xdr:from>
    <xdr:to>
      <xdr:col>2</xdr:col>
      <xdr:colOff>1150056</xdr:colOff>
      <xdr:row>6</xdr:row>
      <xdr:rowOff>717487</xdr:rowOff>
    </xdr:to>
    <xdr:pic>
      <xdr:nvPicPr>
        <xdr:cNvPr id="51" name="图片 3">
          <a:extLst>
            <a:ext uri="{FF2B5EF4-FFF2-40B4-BE49-F238E27FC236}">
              <a16:creationId xmlns="" xmlns:a16="http://schemas.microsoft.com/office/drawing/2014/main" id="{347BB718-7B76-4768-B98F-A2AECB13364A}"/>
            </a:ext>
          </a:extLst>
        </xdr:cNvPr>
        <xdr:cNvPicPr>
          <a:picLocks noChangeAspect="1" noChangeArrowheads="1"/>
        </xdr:cNvPicPr>
      </xdr:nvPicPr>
      <xdr:blipFill>
        <a:blip xmlns:r="http://schemas.openxmlformats.org/officeDocument/2006/relationships" r:embed="rId4" cstate="email">
          <a:extLst>
            <a:ext uri="{28A0092B-C50C-407E-A947-70E740481C1C}">
              <a14:useLocalDpi xmlns:a14="http://schemas.microsoft.com/office/drawing/2010/main" xmlns=""/>
            </a:ext>
          </a:extLst>
        </a:blip>
        <a:srcRect/>
        <a:stretch>
          <a:fillRect/>
        </a:stretch>
      </xdr:blipFill>
      <xdr:spPr>
        <a:xfrm>
          <a:off x="3503789" y="27521605"/>
          <a:ext cx="910167" cy="646932"/>
        </a:xfrm>
        <a:prstGeom prst="rect">
          <a:avLst/>
        </a:prstGeom>
        <a:noFill/>
        <a:ln>
          <a:noFill/>
        </a:ln>
      </xdr:spPr>
    </xdr:pic>
    <xdr:clientData/>
  </xdr:twoCellAnchor>
  <xdr:oneCellAnchor>
    <xdr:from>
      <xdr:col>2</xdr:col>
      <xdr:colOff>342195</xdr:colOff>
      <xdr:row>9</xdr:row>
      <xdr:rowOff>49388</xdr:rowOff>
    </xdr:from>
    <xdr:ext cx="629479" cy="962698"/>
    <xdr:pic>
      <xdr:nvPicPr>
        <xdr:cNvPr id="57" name="图片 30" descr="2MP变焦警戒有线球(POE)-F">
          <a:extLst>
            <a:ext uri="{FF2B5EF4-FFF2-40B4-BE49-F238E27FC236}">
              <a16:creationId xmlns="" xmlns:a16="http://schemas.microsoft.com/office/drawing/2014/main" id="{E0695892-E826-4537-B43D-38260A03CEF3}"/>
            </a:ext>
          </a:extLst>
        </xdr:cNvPr>
        <xdr:cNvPicPr/>
      </xdr:nvPicPr>
      <xdr:blipFill>
        <a:blip xmlns:r="http://schemas.openxmlformats.org/officeDocument/2006/relationships" r:embed="rId5" cstate="screen">
          <a:extLst>
            <a:ext uri="{28A0092B-C50C-407E-A947-70E740481C1C}">
              <a14:useLocalDpi xmlns:a14="http://schemas.microsoft.com/office/drawing/2010/main" xmlns=""/>
            </a:ext>
          </a:extLst>
        </a:blip>
        <a:srcRect/>
        <a:stretch>
          <a:fillRect/>
        </a:stretch>
      </xdr:blipFill>
      <xdr:spPr>
        <a:xfrm>
          <a:off x="3887612" y="4938888"/>
          <a:ext cx="629479" cy="962698"/>
        </a:xfrm>
        <a:prstGeom prst="rect">
          <a:avLst/>
        </a:prstGeom>
      </xdr:spPr>
    </xdr:pic>
    <xdr:clientData/>
  </xdr:oneCellAnchor>
  <xdr:twoCellAnchor>
    <xdr:from>
      <xdr:col>2</xdr:col>
      <xdr:colOff>256647</xdr:colOff>
      <xdr:row>14</xdr:row>
      <xdr:rowOff>518584</xdr:rowOff>
    </xdr:from>
    <xdr:to>
      <xdr:col>2</xdr:col>
      <xdr:colOff>1047222</xdr:colOff>
      <xdr:row>15</xdr:row>
      <xdr:rowOff>428625</xdr:rowOff>
    </xdr:to>
    <xdr:pic>
      <xdr:nvPicPr>
        <xdr:cNvPr id="58" name="图片 87" descr="C:\Users\l01304\AppData\Local\Temp\notesE97E9E\new-dome-x.679x2副本.png">
          <a:extLst>
            <a:ext uri="{FF2B5EF4-FFF2-40B4-BE49-F238E27FC236}">
              <a16:creationId xmlns="" xmlns:a16="http://schemas.microsoft.com/office/drawing/2014/main" id="{0ACBBC8B-399B-42A6-8C9C-4DBF4243C540}"/>
            </a:ext>
          </a:extLst>
        </xdr:cNvPr>
        <xdr:cNvPicPr/>
      </xdr:nvPicPr>
      <xdr:blipFill>
        <a:blip xmlns:r="http://schemas.openxmlformats.org/officeDocument/2006/relationships" r:embed="rId6" cstate="email">
          <a:extLst>
            <a:ext uri="{28A0092B-C50C-407E-A947-70E740481C1C}">
              <a14:useLocalDpi xmlns:a14="http://schemas.microsoft.com/office/drawing/2010/main" xmlns=""/>
            </a:ext>
          </a:extLst>
        </a:blip>
        <a:srcRect/>
        <a:stretch>
          <a:fillRect/>
        </a:stretch>
      </xdr:blipFill>
      <xdr:spPr>
        <a:xfrm>
          <a:off x="3802064" y="10212917"/>
          <a:ext cx="790575" cy="1010708"/>
        </a:xfrm>
        <a:prstGeom prst="rect">
          <a:avLst/>
        </a:prstGeom>
        <a:noFill/>
        <a:ln w="9525">
          <a:noFill/>
          <a:miter lim="800000"/>
          <a:headEnd/>
          <a:tailEnd/>
        </a:ln>
      </xdr:spPr>
    </xdr:pic>
    <xdr:clientData/>
  </xdr:twoCellAnchor>
  <xdr:oneCellAnchor>
    <xdr:from>
      <xdr:col>2</xdr:col>
      <xdr:colOff>342195</xdr:colOff>
      <xdr:row>8</xdr:row>
      <xdr:rowOff>112888</xdr:rowOff>
    </xdr:from>
    <xdr:ext cx="629479" cy="962698"/>
    <xdr:pic>
      <xdr:nvPicPr>
        <xdr:cNvPr id="15" name="图片 30" descr="2MP变焦警戒有线球(POE)-F">
          <a:extLst>
            <a:ext uri="{FF2B5EF4-FFF2-40B4-BE49-F238E27FC236}">
              <a16:creationId xmlns="" xmlns:a16="http://schemas.microsoft.com/office/drawing/2014/main" id="{8D0746B9-6E53-4E3A-8DCD-579490F50D08}"/>
            </a:ext>
          </a:extLst>
        </xdr:cNvPr>
        <xdr:cNvPicPr/>
      </xdr:nvPicPr>
      <xdr:blipFill>
        <a:blip xmlns:r="http://schemas.openxmlformats.org/officeDocument/2006/relationships" r:embed="rId5" cstate="screen">
          <a:extLst>
            <a:ext uri="{28A0092B-C50C-407E-A947-70E740481C1C}">
              <a14:useLocalDpi xmlns:a14="http://schemas.microsoft.com/office/drawing/2010/main" xmlns=""/>
            </a:ext>
          </a:extLst>
        </a:blip>
        <a:srcRect/>
        <a:stretch>
          <a:fillRect/>
        </a:stretch>
      </xdr:blipFill>
      <xdr:spPr>
        <a:xfrm>
          <a:off x="3887612" y="3785305"/>
          <a:ext cx="629479" cy="962698"/>
        </a:xfrm>
        <a:prstGeom prst="rect">
          <a:avLst/>
        </a:prstGeom>
      </xdr:spPr>
    </xdr:pic>
    <xdr:clientData/>
  </xdr:oneCellAnchor>
</xdr:wsDr>
</file>

<file path=xl/drawings/drawing5.xml><?xml version="1.0" encoding="utf-8"?>
<xdr:wsDr xmlns:xdr="http://schemas.openxmlformats.org/drawingml/2006/spreadsheetDrawing" xmlns:a="http://schemas.openxmlformats.org/drawingml/2006/main">
  <xdr:twoCellAnchor editAs="oneCell">
    <xdr:from>
      <xdr:col>1</xdr:col>
      <xdr:colOff>568959</xdr:colOff>
      <xdr:row>0</xdr:row>
      <xdr:rowOff>0</xdr:rowOff>
    </xdr:from>
    <xdr:to>
      <xdr:col>1</xdr:col>
      <xdr:colOff>980721</xdr:colOff>
      <xdr:row>1</xdr:row>
      <xdr:rowOff>58792</xdr:rowOff>
    </xdr:to>
    <xdr:pic>
      <xdr:nvPicPr>
        <xdr:cNvPr id="5" name="Рисунок 38" descr="TWQRjrhb_400x400.jpg">
          <a:extLst>
            <a:ext uri="{FF2B5EF4-FFF2-40B4-BE49-F238E27FC236}">
              <a16:creationId xmlns="" xmlns:a16="http://schemas.microsoft.com/office/drawing/2014/main" id="{4155EDA0-D771-442D-931F-465E11D13E8E}"/>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xmlns=""/>
            </a:ext>
          </a:extLst>
        </a:blip>
        <a:stretch>
          <a:fillRect/>
        </a:stretch>
      </xdr:blipFill>
      <xdr:spPr>
        <a:xfrm>
          <a:off x="2131059" y="0"/>
          <a:ext cx="411762" cy="204842"/>
        </a:xfrm>
        <a:prstGeom prst="rect">
          <a:avLst/>
        </a:prstGeom>
      </xdr:spPr>
    </xdr:pic>
    <xdr:clientData/>
  </xdr:twoCellAnchor>
  <xdr:twoCellAnchor editAs="oneCell">
    <xdr:from>
      <xdr:col>2</xdr:col>
      <xdr:colOff>123825</xdr:colOff>
      <xdr:row>15</xdr:row>
      <xdr:rowOff>187333</xdr:rowOff>
    </xdr:from>
    <xdr:to>
      <xdr:col>2</xdr:col>
      <xdr:colOff>1181716</xdr:colOff>
      <xdr:row>15</xdr:row>
      <xdr:rowOff>731133</xdr:rowOff>
    </xdr:to>
    <xdr:pic>
      <xdr:nvPicPr>
        <xdr:cNvPr id="13" name="Picture 12" descr="NVR301-04/08LB 4/8-ch 1-SATA Ultra 265/H.265/H.264 NVR">
          <a:extLst>
            <a:ext uri="{FF2B5EF4-FFF2-40B4-BE49-F238E27FC236}">
              <a16:creationId xmlns="" xmlns:a16="http://schemas.microsoft.com/office/drawing/2014/main" id="{A8028804-3EA2-4716-9455-7D0206133FED}"/>
            </a:ext>
          </a:extLst>
        </xdr:cNvPr>
        <xdr:cNvPicPr>
          <a:picLocks noChangeAspect="1" noChangeArrowheads="1"/>
        </xdr:cNvPicPr>
      </xdr:nvPicPr>
      <xdr:blipFill>
        <a:blip xmlns:r="http://schemas.openxmlformats.org/officeDocument/2006/relationships" r:embed="rId2" cstate="email">
          <a:extLst>
            <a:ext uri="{28A0092B-C50C-407E-A947-70E740481C1C}">
              <a14:useLocalDpi xmlns:a14="http://schemas.microsoft.com/office/drawing/2010/main" xmlns=""/>
            </a:ext>
          </a:extLst>
        </a:blip>
        <a:srcRect/>
        <a:stretch>
          <a:fillRect/>
        </a:stretch>
      </xdr:blipFill>
      <xdr:spPr bwMode="auto">
        <a:xfrm>
          <a:off x="1752600" y="7693033"/>
          <a:ext cx="1057891" cy="54380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2</xdr:col>
      <xdr:colOff>261626</xdr:colOff>
      <xdr:row>30</xdr:row>
      <xdr:rowOff>98778</xdr:rowOff>
    </xdr:from>
    <xdr:to>
      <xdr:col>2</xdr:col>
      <xdr:colOff>973667</xdr:colOff>
      <xdr:row>30</xdr:row>
      <xdr:rowOff>733778</xdr:rowOff>
    </xdr:to>
    <xdr:pic>
      <xdr:nvPicPr>
        <xdr:cNvPr id="15" name="图片 13">
          <a:extLst>
            <a:ext uri="{FF2B5EF4-FFF2-40B4-BE49-F238E27FC236}">
              <a16:creationId xmlns="" xmlns:a16="http://schemas.microsoft.com/office/drawing/2014/main" id="{518D0B55-331D-4C59-8BFD-C2D665B2611F}"/>
            </a:ext>
          </a:extLst>
        </xdr:cNvPr>
        <xdr:cNvPicPr>
          <a:picLocks noChangeAspect="1"/>
        </xdr:cNvPicPr>
      </xdr:nvPicPr>
      <xdr:blipFill>
        <a:blip xmlns:r="http://schemas.openxmlformats.org/officeDocument/2006/relationships" r:embed="rId3" cstate="email">
          <a:extLst>
            <a:ext uri="{28A0092B-C50C-407E-A947-70E740481C1C}">
              <a14:useLocalDpi xmlns:a14="http://schemas.microsoft.com/office/drawing/2010/main" xmlns=""/>
            </a:ext>
          </a:extLst>
        </a:blip>
        <a:stretch>
          <a:fillRect/>
        </a:stretch>
      </xdr:blipFill>
      <xdr:spPr>
        <a:xfrm>
          <a:off x="3531876" y="67142078"/>
          <a:ext cx="712041" cy="635000"/>
        </a:xfrm>
        <a:prstGeom prst="rect">
          <a:avLst/>
        </a:prstGeom>
      </xdr:spPr>
    </xdr:pic>
    <xdr:clientData/>
  </xdr:twoCellAnchor>
  <xdr:twoCellAnchor>
    <xdr:from>
      <xdr:col>2</xdr:col>
      <xdr:colOff>225778</xdr:colOff>
      <xdr:row>10</xdr:row>
      <xdr:rowOff>326887</xdr:rowOff>
    </xdr:from>
    <xdr:to>
      <xdr:col>2</xdr:col>
      <xdr:colOff>1019527</xdr:colOff>
      <xdr:row>11</xdr:row>
      <xdr:rowOff>0</xdr:rowOff>
    </xdr:to>
    <xdr:pic>
      <xdr:nvPicPr>
        <xdr:cNvPr id="21" name="图片 13">
          <a:extLst>
            <a:ext uri="{FF2B5EF4-FFF2-40B4-BE49-F238E27FC236}">
              <a16:creationId xmlns="" xmlns:a16="http://schemas.microsoft.com/office/drawing/2014/main" id="{75648514-A260-48F6-962A-A9DED3AB1D73}"/>
            </a:ext>
          </a:extLst>
        </xdr:cNvPr>
        <xdr:cNvPicPr>
          <a:picLocks noChangeAspect="1"/>
        </xdr:cNvPicPr>
      </xdr:nvPicPr>
      <xdr:blipFill>
        <a:blip xmlns:r="http://schemas.openxmlformats.org/officeDocument/2006/relationships" r:embed="rId4" cstate="email">
          <a:extLst>
            <a:ext uri="{28A0092B-C50C-407E-A947-70E740481C1C}">
              <a14:useLocalDpi xmlns:a14="http://schemas.microsoft.com/office/drawing/2010/main" xmlns=""/>
            </a:ext>
          </a:extLst>
        </a:blip>
        <a:stretch>
          <a:fillRect/>
        </a:stretch>
      </xdr:blipFill>
      <xdr:spPr>
        <a:xfrm>
          <a:off x="1975065" y="4814957"/>
          <a:ext cx="793749" cy="459409"/>
        </a:xfrm>
        <a:prstGeom prst="rect">
          <a:avLst/>
        </a:prstGeom>
      </xdr:spPr>
    </xdr:pic>
    <xdr:clientData/>
  </xdr:twoCellAnchor>
  <xdr:twoCellAnchor editAs="oneCell">
    <xdr:from>
      <xdr:col>2</xdr:col>
      <xdr:colOff>141110</xdr:colOff>
      <xdr:row>33</xdr:row>
      <xdr:rowOff>311987</xdr:rowOff>
    </xdr:from>
    <xdr:to>
      <xdr:col>2</xdr:col>
      <xdr:colOff>1255889</xdr:colOff>
      <xdr:row>35</xdr:row>
      <xdr:rowOff>76981</xdr:rowOff>
    </xdr:to>
    <xdr:pic>
      <xdr:nvPicPr>
        <xdr:cNvPr id="23" name="Picture 22" descr="http://sgcdn.uniview.com/res/201901/22/20190122_1707128_1_837945_144130_0.jpg">
          <a:extLst>
            <a:ext uri="{FF2B5EF4-FFF2-40B4-BE49-F238E27FC236}">
              <a16:creationId xmlns="" xmlns:a16="http://schemas.microsoft.com/office/drawing/2014/main" id="{B4435308-6D2A-43F5-98B3-BB486DCDAEE7}"/>
            </a:ext>
          </a:extLst>
        </xdr:cNvPr>
        <xdr:cNvPicPr>
          <a:picLocks noChangeAspect="1" noChangeArrowheads="1"/>
        </xdr:cNvPicPr>
      </xdr:nvPicPr>
      <xdr:blipFill>
        <a:blip xmlns:r="http://schemas.openxmlformats.org/officeDocument/2006/relationships" r:embed="rId5" cstate="email">
          <a:extLst>
            <a:ext uri="{28A0092B-C50C-407E-A947-70E740481C1C}">
              <a14:useLocalDpi xmlns:a14="http://schemas.microsoft.com/office/drawing/2010/main" xmlns=""/>
            </a:ext>
          </a:extLst>
        </a:blip>
        <a:srcRect/>
        <a:stretch>
          <a:fillRect/>
        </a:stretch>
      </xdr:blipFill>
      <xdr:spPr bwMode="auto">
        <a:xfrm>
          <a:off x="3414888" y="33607154"/>
          <a:ext cx="1114779" cy="759827"/>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2</xdr:col>
      <xdr:colOff>98778</xdr:colOff>
      <xdr:row>19</xdr:row>
      <xdr:rowOff>582966</xdr:rowOff>
    </xdr:from>
    <xdr:ext cx="1246188" cy="626562"/>
    <xdr:pic>
      <xdr:nvPicPr>
        <xdr:cNvPr id="25" name="Picture 24" descr="NVR301-04/08B 4/8-ch 1-SATA Ultra 265/H.265/H.264 NVR">
          <a:extLst>
            <a:ext uri="{FF2B5EF4-FFF2-40B4-BE49-F238E27FC236}">
              <a16:creationId xmlns="" xmlns:a16="http://schemas.microsoft.com/office/drawing/2014/main" id="{27C67814-EDF1-407E-B358-B25A42EBD44B}"/>
            </a:ext>
          </a:extLst>
        </xdr:cNvPr>
        <xdr:cNvPicPr>
          <a:picLocks noChangeAspect="1" noChangeArrowheads="1"/>
        </xdr:cNvPicPr>
      </xdr:nvPicPr>
      <xdr:blipFill>
        <a:blip xmlns:r="http://schemas.openxmlformats.org/officeDocument/2006/relationships" r:embed="rId6" cstate="email">
          <a:extLst>
            <a:ext uri="{28A0092B-C50C-407E-A947-70E740481C1C}">
              <a14:useLocalDpi xmlns:a14="http://schemas.microsoft.com/office/drawing/2010/main" xmlns=""/>
            </a:ext>
          </a:extLst>
        </a:blip>
        <a:srcRect/>
        <a:stretch>
          <a:fillRect/>
        </a:stretch>
      </xdr:blipFill>
      <xdr:spPr bwMode="auto">
        <a:xfrm>
          <a:off x="3372556" y="12520966"/>
          <a:ext cx="1246188" cy="626562"/>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oneCellAnchor>
    <xdr:from>
      <xdr:col>2</xdr:col>
      <xdr:colOff>91723</xdr:colOff>
      <xdr:row>31</xdr:row>
      <xdr:rowOff>127000</xdr:rowOff>
    </xdr:from>
    <xdr:ext cx="1252204" cy="416278"/>
    <xdr:pic>
      <xdr:nvPicPr>
        <xdr:cNvPr id="38" name="图片 8">
          <a:extLst>
            <a:ext uri="{FF2B5EF4-FFF2-40B4-BE49-F238E27FC236}">
              <a16:creationId xmlns="" xmlns:a16="http://schemas.microsoft.com/office/drawing/2014/main" id="{2D7A0E49-3210-434E-9704-00B4DE9881DB}"/>
            </a:ext>
          </a:extLst>
        </xdr:cNvPr>
        <xdr:cNvPicPr>
          <a:picLocks noChangeAspect="1"/>
        </xdr:cNvPicPr>
      </xdr:nvPicPr>
      <xdr:blipFill>
        <a:blip xmlns:r="http://schemas.openxmlformats.org/officeDocument/2006/relationships" r:embed="rId7" cstate="email">
          <a:extLst>
            <a:ext uri="{28A0092B-C50C-407E-A947-70E740481C1C}">
              <a14:useLocalDpi xmlns:a14="http://schemas.microsoft.com/office/drawing/2010/main" xmlns=""/>
            </a:ext>
          </a:extLst>
        </a:blip>
        <a:srcRect/>
        <a:stretch>
          <a:fillRect/>
        </a:stretch>
      </xdr:blipFill>
      <xdr:spPr>
        <a:xfrm>
          <a:off x="3361973" y="67957700"/>
          <a:ext cx="1252204" cy="416278"/>
        </a:xfrm>
        <a:prstGeom prst="rect">
          <a:avLst/>
        </a:prstGeom>
      </xdr:spPr>
    </xdr:pic>
    <xdr:clientData/>
  </xdr:oneCellAnchor>
  <xdr:oneCellAnchor>
    <xdr:from>
      <xdr:col>2</xdr:col>
      <xdr:colOff>70556</xdr:colOff>
      <xdr:row>8</xdr:row>
      <xdr:rowOff>417159</xdr:rowOff>
    </xdr:from>
    <xdr:ext cx="1246188" cy="625679"/>
    <xdr:pic>
      <xdr:nvPicPr>
        <xdr:cNvPr id="36" name="Picture 35" descr="NVR301-04/08B 4/8-ch 1-SATA Ultra 265/H.265/H.264 NVR">
          <a:extLst>
            <a:ext uri="{FF2B5EF4-FFF2-40B4-BE49-F238E27FC236}">
              <a16:creationId xmlns="" xmlns:a16="http://schemas.microsoft.com/office/drawing/2014/main" id="{15FCAB46-3120-4BE6-A528-09DA81E3E1FD}"/>
            </a:ext>
          </a:extLst>
        </xdr:cNvPr>
        <xdr:cNvPicPr>
          <a:picLocks noChangeAspect="1" noChangeArrowheads="1"/>
        </xdr:cNvPicPr>
      </xdr:nvPicPr>
      <xdr:blipFill>
        <a:blip xmlns:r="http://schemas.openxmlformats.org/officeDocument/2006/relationships" r:embed="rId6" cstate="email">
          <a:extLst>
            <a:ext uri="{28A0092B-C50C-407E-A947-70E740481C1C}">
              <a14:useLocalDpi xmlns:a14="http://schemas.microsoft.com/office/drawing/2010/main" xmlns=""/>
            </a:ext>
          </a:extLst>
        </a:blip>
        <a:srcRect/>
        <a:stretch>
          <a:fillRect/>
        </a:stretch>
      </xdr:blipFill>
      <xdr:spPr bwMode="auto">
        <a:xfrm>
          <a:off x="3344334" y="2025826"/>
          <a:ext cx="1246188" cy="625679"/>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oneCellAnchor>
    <xdr:from>
      <xdr:col>2</xdr:col>
      <xdr:colOff>68899</xdr:colOff>
      <xdr:row>27</xdr:row>
      <xdr:rowOff>475056</xdr:rowOff>
    </xdr:from>
    <xdr:ext cx="1262945" cy="319342"/>
    <xdr:pic>
      <xdr:nvPicPr>
        <xdr:cNvPr id="44" name="图片 14">
          <a:extLst>
            <a:ext uri="{FF2B5EF4-FFF2-40B4-BE49-F238E27FC236}">
              <a16:creationId xmlns="" xmlns:a16="http://schemas.microsoft.com/office/drawing/2014/main" id="{E819CA50-E147-4187-BD5F-66A6E8AA4E12}"/>
            </a:ext>
          </a:extLst>
        </xdr:cNvPr>
        <xdr:cNvPicPr>
          <a:picLocks noChangeAspect="1"/>
        </xdr:cNvPicPr>
      </xdr:nvPicPr>
      <xdr:blipFill>
        <a:blip xmlns:r="http://schemas.openxmlformats.org/officeDocument/2006/relationships" r:embed="rId8" cstate="email">
          <a:extLst>
            <a:ext uri="{28A0092B-C50C-407E-A947-70E740481C1C}">
              <a14:useLocalDpi xmlns:a14="http://schemas.microsoft.com/office/drawing/2010/main" xmlns=""/>
            </a:ext>
          </a:extLst>
        </a:blip>
        <a:srcRect/>
        <a:stretch>
          <a:fillRect/>
        </a:stretch>
      </xdr:blipFill>
      <xdr:spPr>
        <a:xfrm>
          <a:off x="1818186" y="16704552"/>
          <a:ext cx="1262945" cy="319342"/>
        </a:xfrm>
        <a:prstGeom prst="rect">
          <a:avLst/>
        </a:prstGeom>
      </xdr:spPr>
    </xdr:pic>
    <xdr:clientData/>
  </xdr:oneCellAnchor>
  <xdr:oneCellAnchor>
    <xdr:from>
      <xdr:col>2</xdr:col>
      <xdr:colOff>275167</xdr:colOff>
      <xdr:row>25</xdr:row>
      <xdr:rowOff>42333</xdr:rowOff>
    </xdr:from>
    <xdr:ext cx="726722" cy="522111"/>
    <xdr:pic>
      <xdr:nvPicPr>
        <xdr:cNvPr id="56" name="图片 22" descr="C:\Users\f05799\AppData\Local\Temp\notesE97E9E\~4100263.png">
          <a:extLst>
            <a:ext uri="{FF2B5EF4-FFF2-40B4-BE49-F238E27FC236}">
              <a16:creationId xmlns="" xmlns:a16="http://schemas.microsoft.com/office/drawing/2014/main" id="{C8EE750F-4FCA-4963-9BA9-F8EF18DDB218}"/>
            </a:ext>
          </a:extLst>
        </xdr:cNvPr>
        <xdr:cNvPicPr/>
      </xdr:nvPicPr>
      <xdr:blipFill rotWithShape="1">
        <a:blip xmlns:r="http://schemas.openxmlformats.org/officeDocument/2006/relationships" r:embed="rId9" cstate="print">
          <a:extLst>
            <a:ext uri="{28A0092B-C50C-407E-A947-70E740481C1C}">
              <a14:useLocalDpi xmlns:a14="http://schemas.microsoft.com/office/drawing/2010/main" xmlns="" val="0"/>
            </a:ext>
          </a:extLst>
        </a:blip>
        <a:srcRect l="32158" t="26295" r="32135" b="21127"/>
        <a:stretch/>
      </xdr:blipFill>
      <xdr:spPr bwMode="auto">
        <a:xfrm>
          <a:off x="3548945" y="20658666"/>
          <a:ext cx="726722" cy="522111"/>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112889</xdr:colOff>
      <xdr:row>26</xdr:row>
      <xdr:rowOff>63500</xdr:rowOff>
    </xdr:from>
    <xdr:ext cx="1135944" cy="423333"/>
    <xdr:pic>
      <xdr:nvPicPr>
        <xdr:cNvPr id="57" name="图片 21" descr="C:\Users\f05799\AppData\Local\Temp\notesE97E9E\nvr301U三灯.1301.png">
          <a:extLst>
            <a:ext uri="{FF2B5EF4-FFF2-40B4-BE49-F238E27FC236}">
              <a16:creationId xmlns="" xmlns:a16="http://schemas.microsoft.com/office/drawing/2014/main" id="{81356766-450A-4788-BD22-53DC4BA1CFEE}"/>
            </a:ext>
          </a:extLst>
        </xdr:cNvPr>
        <xdr:cNvPicPr/>
      </xdr:nvPicPr>
      <xdr:blipFill rotWithShape="1">
        <a:blip xmlns:r="http://schemas.openxmlformats.org/officeDocument/2006/relationships" r:embed="rId10" cstate="print">
          <a:extLst>
            <a:ext uri="{28A0092B-C50C-407E-A947-70E740481C1C}">
              <a14:useLocalDpi xmlns:a14="http://schemas.microsoft.com/office/drawing/2010/main" xmlns="" val="0"/>
            </a:ext>
          </a:extLst>
        </a:blip>
        <a:srcRect l="11274" t="45511" r="16417" b="21658"/>
        <a:stretch/>
      </xdr:blipFill>
      <xdr:spPr bwMode="auto">
        <a:xfrm>
          <a:off x="3386667" y="21053778"/>
          <a:ext cx="1135944" cy="423333"/>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61056</xdr:colOff>
      <xdr:row>12</xdr:row>
      <xdr:rowOff>35278</xdr:rowOff>
    </xdr:from>
    <xdr:ext cx="726722" cy="522111"/>
    <xdr:pic>
      <xdr:nvPicPr>
        <xdr:cNvPr id="59" name="图片 22" descr="C:\Users\f05799\AppData\Local\Temp\notesE97E9E\~4100263.png">
          <a:extLst>
            <a:ext uri="{FF2B5EF4-FFF2-40B4-BE49-F238E27FC236}">
              <a16:creationId xmlns="" xmlns:a16="http://schemas.microsoft.com/office/drawing/2014/main" id="{563DB185-C451-47B7-A3DA-445D5CF34DE2}"/>
            </a:ext>
          </a:extLst>
        </xdr:cNvPr>
        <xdr:cNvPicPr/>
      </xdr:nvPicPr>
      <xdr:blipFill rotWithShape="1">
        <a:blip xmlns:r="http://schemas.openxmlformats.org/officeDocument/2006/relationships" r:embed="rId9" cstate="print">
          <a:extLst>
            <a:ext uri="{28A0092B-C50C-407E-A947-70E740481C1C}">
              <a14:useLocalDpi xmlns:a14="http://schemas.microsoft.com/office/drawing/2010/main" xmlns="" val="0"/>
            </a:ext>
          </a:extLst>
        </a:blip>
        <a:srcRect l="32158" t="26295" r="32135" b="21127"/>
        <a:stretch/>
      </xdr:blipFill>
      <xdr:spPr bwMode="auto">
        <a:xfrm>
          <a:off x="3534834" y="8981722"/>
          <a:ext cx="726722" cy="522111"/>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112889</xdr:colOff>
      <xdr:row>13</xdr:row>
      <xdr:rowOff>479778</xdr:rowOff>
    </xdr:from>
    <xdr:ext cx="1150055" cy="338667"/>
    <xdr:pic>
      <xdr:nvPicPr>
        <xdr:cNvPr id="60" name="图片 21" descr="C:\Users\f05799\AppData\Local\Temp\notesE97E9E\nvr301U三灯.1301.png">
          <a:extLst>
            <a:ext uri="{FF2B5EF4-FFF2-40B4-BE49-F238E27FC236}">
              <a16:creationId xmlns="" xmlns:a16="http://schemas.microsoft.com/office/drawing/2014/main" id="{AF047531-306E-4676-B852-4129A0EA6FCB}"/>
            </a:ext>
          </a:extLst>
        </xdr:cNvPr>
        <xdr:cNvPicPr/>
      </xdr:nvPicPr>
      <xdr:blipFill rotWithShape="1">
        <a:blip xmlns:r="http://schemas.openxmlformats.org/officeDocument/2006/relationships" r:embed="rId11" cstate="print">
          <a:extLst>
            <a:ext uri="{28A0092B-C50C-407E-A947-70E740481C1C}">
              <a14:useLocalDpi xmlns:a14="http://schemas.microsoft.com/office/drawing/2010/main" xmlns="" val="0"/>
            </a:ext>
          </a:extLst>
        </a:blip>
        <a:srcRect l="11274" t="45511" r="16417" b="21658"/>
        <a:stretch/>
      </xdr:blipFill>
      <xdr:spPr bwMode="auto">
        <a:xfrm>
          <a:off x="3386667" y="9779000"/>
          <a:ext cx="1150055" cy="338667"/>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75167</xdr:colOff>
      <xdr:row>5</xdr:row>
      <xdr:rowOff>42333</xdr:rowOff>
    </xdr:from>
    <xdr:ext cx="726722" cy="522111"/>
    <xdr:pic>
      <xdr:nvPicPr>
        <xdr:cNvPr id="62" name="图片 22" descr="C:\Users\f05799\AppData\Local\Temp\notesE97E9E\~4100263.png">
          <a:extLst>
            <a:ext uri="{FF2B5EF4-FFF2-40B4-BE49-F238E27FC236}">
              <a16:creationId xmlns="" xmlns:a16="http://schemas.microsoft.com/office/drawing/2014/main" id="{2C9EB7C8-78A2-46D8-9DF6-223D4B534355}"/>
            </a:ext>
          </a:extLst>
        </xdr:cNvPr>
        <xdr:cNvPicPr/>
      </xdr:nvPicPr>
      <xdr:blipFill rotWithShape="1">
        <a:blip xmlns:r="http://schemas.openxmlformats.org/officeDocument/2006/relationships" r:embed="rId9" cstate="print">
          <a:extLst>
            <a:ext uri="{28A0092B-C50C-407E-A947-70E740481C1C}">
              <a14:useLocalDpi xmlns:a14="http://schemas.microsoft.com/office/drawing/2010/main" xmlns="" val="0"/>
            </a:ext>
          </a:extLst>
        </a:blip>
        <a:srcRect l="32158" t="26295" r="32135" b="21127"/>
        <a:stretch/>
      </xdr:blipFill>
      <xdr:spPr bwMode="auto">
        <a:xfrm>
          <a:off x="3548945" y="1382889"/>
          <a:ext cx="726722" cy="522111"/>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84667</xdr:colOff>
      <xdr:row>6</xdr:row>
      <xdr:rowOff>437444</xdr:rowOff>
    </xdr:from>
    <xdr:ext cx="1157111" cy="345722"/>
    <xdr:pic>
      <xdr:nvPicPr>
        <xdr:cNvPr id="63" name="图片 21" descr="C:\Users\f05799\AppData\Local\Temp\notesE97E9E\nvr301U三灯.1301.png">
          <a:extLst>
            <a:ext uri="{FF2B5EF4-FFF2-40B4-BE49-F238E27FC236}">
              <a16:creationId xmlns="" xmlns:a16="http://schemas.microsoft.com/office/drawing/2014/main" id="{34C901D8-C98F-4BF1-805C-24531C0F93A7}"/>
            </a:ext>
          </a:extLst>
        </xdr:cNvPr>
        <xdr:cNvPicPr/>
      </xdr:nvPicPr>
      <xdr:blipFill rotWithShape="1">
        <a:blip xmlns:r="http://schemas.openxmlformats.org/officeDocument/2006/relationships" r:embed="rId12" cstate="print">
          <a:extLst>
            <a:ext uri="{28A0092B-C50C-407E-A947-70E740481C1C}">
              <a14:useLocalDpi xmlns:a14="http://schemas.microsoft.com/office/drawing/2010/main" xmlns="" val="0"/>
            </a:ext>
          </a:extLst>
        </a:blip>
        <a:srcRect l="11274" t="45511" r="16417" b="21658"/>
        <a:stretch/>
      </xdr:blipFill>
      <xdr:spPr bwMode="auto">
        <a:xfrm>
          <a:off x="3358445" y="2166055"/>
          <a:ext cx="1157111" cy="345722"/>
        </a:xfrm>
        <a:prstGeom prst="rect">
          <a:avLst/>
        </a:prstGeom>
        <a:noFill/>
        <a:ln>
          <a:noFill/>
        </a:ln>
        <a:extLst>
          <a:ext uri="{53640926-AAD7-44D8-BBD7-CCE9431645EC}">
            <a14:shadowObscured xmlns:a14="http://schemas.microsoft.com/office/drawing/2010/main" xmlns=""/>
          </a:ext>
        </a:extLst>
      </xdr:spPr>
    </xdr:pic>
    <xdr:clientData/>
  </xdr:oneCellAnchor>
  <xdr:oneCellAnchor>
    <xdr:from>
      <xdr:col>2</xdr:col>
      <xdr:colOff>275167</xdr:colOff>
      <xdr:row>24</xdr:row>
      <xdr:rowOff>148168</xdr:rowOff>
    </xdr:from>
    <xdr:ext cx="761999" cy="518582"/>
    <xdr:pic>
      <xdr:nvPicPr>
        <xdr:cNvPr id="28" name="图片 15" descr="C:\Users\f05799\AppData\Local\Temp\notesE97E9E\~4100263.png">
          <a:extLst>
            <a:ext uri="{FF2B5EF4-FFF2-40B4-BE49-F238E27FC236}">
              <a16:creationId xmlns="" xmlns:a16="http://schemas.microsoft.com/office/drawing/2014/main" id="{78E86EAC-C28E-4D2B-912E-AA5A5D27219E}"/>
            </a:ext>
          </a:extLst>
        </xdr:cNvPr>
        <xdr:cNvPicPr/>
      </xdr:nvPicPr>
      <xdr:blipFill rotWithShape="1">
        <a:blip xmlns:r="http://schemas.openxmlformats.org/officeDocument/2006/relationships" r:embed="rId13" cstate="print">
          <a:extLst>
            <a:ext uri="{28A0092B-C50C-407E-A947-70E740481C1C}">
              <a14:useLocalDpi xmlns:a14="http://schemas.microsoft.com/office/drawing/2010/main" xmlns="" val="0"/>
            </a:ext>
          </a:extLst>
        </a:blip>
        <a:srcRect l="32158" t="26295" r="32135" b="21127"/>
        <a:stretch/>
      </xdr:blipFill>
      <xdr:spPr bwMode="auto">
        <a:xfrm>
          <a:off x="3767667" y="23061085"/>
          <a:ext cx="761999" cy="518582"/>
        </a:xfrm>
        <a:prstGeom prst="rect">
          <a:avLst/>
        </a:prstGeom>
        <a:noFill/>
        <a:ln>
          <a:noFill/>
        </a:ln>
        <a:extLst>
          <a:ext uri="{53640926-AAD7-44D8-BBD7-CCE9431645EC}">
            <a14:shadowObscured xmlns:a14="http://schemas.microsoft.com/office/drawing/2010/main" xmlns=""/>
          </a:ext>
        </a:extLst>
      </xdr:spPr>
    </xdr:pic>
    <xdr:clientData/>
  </xdr:oneCellAnchor>
</xdr:wsDr>
</file>

<file path=xl/drawings/drawing6.xml><?xml version="1.0" encoding="utf-8"?>
<xdr:wsDr xmlns:xdr="http://schemas.openxmlformats.org/drawingml/2006/spreadsheetDrawing" xmlns:a="http://schemas.openxmlformats.org/drawingml/2006/main">
  <xdr:twoCellAnchor editAs="oneCell">
    <xdr:from>
      <xdr:col>1</xdr:col>
      <xdr:colOff>548674</xdr:colOff>
      <xdr:row>0</xdr:row>
      <xdr:rowOff>71402</xdr:rowOff>
    </xdr:from>
    <xdr:to>
      <xdr:col>1</xdr:col>
      <xdr:colOff>960436</xdr:colOff>
      <xdr:row>1</xdr:row>
      <xdr:rowOff>84156</xdr:rowOff>
    </xdr:to>
    <xdr:pic>
      <xdr:nvPicPr>
        <xdr:cNvPr id="8" name="Рисунок 38" descr="TWQRjrhb_400x400.jpg">
          <a:hlinkClick xmlns:r="http://schemas.openxmlformats.org/officeDocument/2006/relationships" r:id="rId1"/>
          <a:extLst>
            <a:ext uri="{FF2B5EF4-FFF2-40B4-BE49-F238E27FC236}">
              <a16:creationId xmlns="" xmlns:a16="http://schemas.microsoft.com/office/drawing/2014/main" id="{5C0867B1-42C4-4518-AD47-A0DAF7F5B4B9}"/>
            </a:ext>
          </a:extLst>
        </xdr:cNvPr>
        <xdr:cNvPicPr>
          <a:picLocks noChangeAspect="1"/>
        </xdr:cNvPicPr>
      </xdr:nvPicPr>
      <xdr:blipFill>
        <a:blip xmlns:r="http://schemas.openxmlformats.org/officeDocument/2006/relationships" r:embed="rId2" cstate="email">
          <a:extLst>
            <a:ext uri="{28A0092B-C50C-407E-A947-70E740481C1C}">
              <a14:useLocalDpi xmlns:a14="http://schemas.microsoft.com/office/drawing/2010/main" xmlns=""/>
            </a:ext>
          </a:extLst>
        </a:blip>
        <a:stretch>
          <a:fillRect/>
        </a:stretch>
      </xdr:blipFill>
      <xdr:spPr>
        <a:xfrm>
          <a:off x="2342549" y="71402"/>
          <a:ext cx="411762" cy="203254"/>
        </a:xfrm>
        <a:prstGeom prst="rect">
          <a:avLst/>
        </a:prstGeom>
      </xdr:spPr>
    </xdr:pic>
    <xdr:clientData/>
  </xdr:twoCellAnchor>
  <xdr:oneCellAnchor>
    <xdr:from>
      <xdr:col>2</xdr:col>
      <xdr:colOff>127000</xdr:colOff>
      <xdr:row>4</xdr:row>
      <xdr:rowOff>95251</xdr:rowOff>
    </xdr:from>
    <xdr:ext cx="1443532" cy="722313"/>
    <xdr:pic>
      <xdr:nvPicPr>
        <xdr:cNvPr id="9" name="Picture 8" descr="NVR201 Series 4/8-ch 1-SATA H.264 NVR">
          <a:extLst>
            <a:ext uri="{FF2B5EF4-FFF2-40B4-BE49-F238E27FC236}">
              <a16:creationId xmlns="" xmlns:a16="http://schemas.microsoft.com/office/drawing/2014/main" id="{41783AE4-63C3-4F47-AD70-1B0D8891590F}"/>
            </a:ext>
          </a:extLst>
        </xdr:cNvPr>
        <xdr:cNvPicPr>
          <a:picLocks noChangeAspect="1" noChangeArrowheads="1"/>
        </xdr:cNvPicPr>
      </xdr:nvPicPr>
      <xdr:blipFill>
        <a:blip xmlns:r="http://schemas.openxmlformats.org/officeDocument/2006/relationships" r:embed="rId3" cstate="email">
          <a:extLst>
            <a:ext uri="{28A0092B-C50C-407E-A947-70E740481C1C}">
              <a14:useLocalDpi xmlns:a14="http://schemas.microsoft.com/office/drawing/2010/main" xmlns=""/>
            </a:ext>
          </a:extLst>
        </a:blip>
        <a:srcRect/>
        <a:stretch>
          <a:fillRect/>
        </a:stretch>
      </xdr:blipFill>
      <xdr:spPr bwMode="auto">
        <a:xfrm>
          <a:off x="3714750" y="2071689"/>
          <a:ext cx="1443532" cy="722313"/>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oneCellAnchor>
    <xdr:from>
      <xdr:col>2</xdr:col>
      <xdr:colOff>47623</xdr:colOff>
      <xdr:row>6</xdr:row>
      <xdr:rowOff>357188</xdr:rowOff>
    </xdr:from>
    <xdr:ext cx="1539878" cy="373062"/>
    <xdr:pic>
      <xdr:nvPicPr>
        <xdr:cNvPr id="15" name="Picture 14">
          <a:extLst>
            <a:ext uri="{FF2B5EF4-FFF2-40B4-BE49-F238E27FC236}">
              <a16:creationId xmlns="" xmlns:a16="http://schemas.microsoft.com/office/drawing/2014/main" id="{3DF7657E-7DB5-463F-9FCB-A09DBD5BE5F0}"/>
            </a:ext>
          </a:extLst>
        </xdr:cNvPr>
        <xdr:cNvPicPr/>
      </xdr:nvPicPr>
      <xdr:blipFill>
        <a:blip xmlns:r="http://schemas.openxmlformats.org/officeDocument/2006/relationships" r:embed="rId4" cstate="print">
          <a:extLst>
            <a:ext uri="{28A0092B-C50C-407E-A947-70E740481C1C}">
              <a14:useLocalDpi xmlns:a14="http://schemas.microsoft.com/office/drawing/2010/main" xmlns=""/>
            </a:ext>
          </a:extLst>
        </a:blip>
        <a:stretch>
          <a:fillRect/>
        </a:stretch>
      </xdr:blipFill>
      <xdr:spPr>
        <a:xfrm>
          <a:off x="3635373" y="9239251"/>
          <a:ext cx="1539878" cy="373062"/>
        </a:xfrm>
        <a:prstGeom prst="rect">
          <a:avLst/>
        </a:prstGeom>
      </xdr:spPr>
    </xdr:pic>
    <xdr:clientData/>
  </xdr:oneCellAnchor>
  <xdr:oneCellAnchor>
    <xdr:from>
      <xdr:col>2</xdr:col>
      <xdr:colOff>7937</xdr:colOff>
      <xdr:row>8</xdr:row>
      <xdr:rowOff>341313</xdr:rowOff>
    </xdr:from>
    <xdr:ext cx="1666875" cy="371475"/>
    <xdr:pic>
      <xdr:nvPicPr>
        <xdr:cNvPr id="17" name="Picture 16">
          <a:extLst>
            <a:ext uri="{FF2B5EF4-FFF2-40B4-BE49-F238E27FC236}">
              <a16:creationId xmlns="" xmlns:a16="http://schemas.microsoft.com/office/drawing/2014/main" id="{1BFBA5B0-D886-4586-966E-367E861D293C}"/>
            </a:ext>
          </a:extLst>
        </xdr:cNvPr>
        <xdr:cNvPicPr/>
      </xdr:nvPicPr>
      <xdr:blipFill>
        <a:blip xmlns:r="http://schemas.openxmlformats.org/officeDocument/2006/relationships" r:embed="rId4" cstate="print">
          <a:extLst>
            <a:ext uri="{28A0092B-C50C-407E-A947-70E740481C1C}">
              <a14:useLocalDpi xmlns:a14="http://schemas.microsoft.com/office/drawing/2010/main" xmlns=""/>
            </a:ext>
          </a:extLst>
        </a:blip>
        <a:stretch>
          <a:fillRect/>
        </a:stretch>
      </xdr:blipFill>
      <xdr:spPr>
        <a:xfrm>
          <a:off x="1801812" y="6183313"/>
          <a:ext cx="1666875" cy="371475"/>
        </a:xfrm>
        <a:prstGeom prst="rect">
          <a:avLst/>
        </a:prstGeom>
      </xdr:spPr>
    </xdr:pic>
    <xdr:clientData/>
  </xdr:oneCellAnchor>
</xdr:wsDr>
</file>

<file path=xl/drawings/drawing7.xml><?xml version="1.0" encoding="utf-8"?>
<xdr:wsDr xmlns:xdr="http://schemas.openxmlformats.org/drawingml/2006/spreadsheetDrawing" xmlns:a="http://schemas.openxmlformats.org/drawingml/2006/main">
  <xdr:twoCellAnchor editAs="oneCell">
    <xdr:from>
      <xdr:col>1</xdr:col>
      <xdr:colOff>121563</xdr:colOff>
      <xdr:row>93</xdr:row>
      <xdr:rowOff>33215</xdr:rowOff>
    </xdr:from>
    <xdr:to>
      <xdr:col>6</xdr:col>
      <xdr:colOff>419696</xdr:colOff>
      <xdr:row>116</xdr:row>
      <xdr:rowOff>172214</xdr:rowOff>
    </xdr:to>
    <xdr:pic>
      <xdr:nvPicPr>
        <xdr:cNvPr id="2" name="Picture 1">
          <a:extLst>
            <a:ext uri="{FF2B5EF4-FFF2-40B4-BE49-F238E27FC236}">
              <a16:creationId xmlns="" xmlns:a16="http://schemas.microsoft.com/office/drawing/2014/main" id="{9213BBE9-D8AD-463A-844A-683F4FEF4D6E}"/>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xmlns=""/>
            </a:ext>
          </a:extLst>
        </a:blip>
        <a:stretch>
          <a:fillRect/>
        </a:stretch>
      </xdr:blipFill>
      <xdr:spPr>
        <a:xfrm>
          <a:off x="248563" y="42032115"/>
          <a:ext cx="7037642" cy="4374449"/>
        </a:xfrm>
        <a:prstGeom prst="rect">
          <a:avLst/>
        </a:prstGeom>
      </xdr:spPr>
    </xdr:pic>
    <xdr:clientData/>
  </xdr:twoCellAnchor>
  <xdr:twoCellAnchor editAs="oneCell">
    <xdr:from>
      <xdr:col>1</xdr:col>
      <xdr:colOff>0</xdr:colOff>
      <xdr:row>123</xdr:row>
      <xdr:rowOff>0</xdr:rowOff>
    </xdr:from>
    <xdr:to>
      <xdr:col>5</xdr:col>
      <xdr:colOff>285815</xdr:colOff>
      <xdr:row>132</xdr:row>
      <xdr:rowOff>70448</xdr:rowOff>
    </xdr:to>
    <xdr:pic>
      <xdr:nvPicPr>
        <xdr:cNvPr id="3" name="Picture 2">
          <a:extLst>
            <a:ext uri="{FF2B5EF4-FFF2-40B4-BE49-F238E27FC236}">
              <a16:creationId xmlns="" xmlns:a16="http://schemas.microsoft.com/office/drawing/2014/main" id="{495DFFEC-2CC3-45E4-A995-52A0AFC5E3A7}"/>
            </a:ext>
          </a:extLst>
        </xdr:cNvPr>
        <xdr:cNvPicPr>
          <a:picLocks noChangeAspect="1"/>
        </xdr:cNvPicPr>
      </xdr:nvPicPr>
      <xdr:blipFill>
        <a:blip xmlns:r="http://schemas.openxmlformats.org/officeDocument/2006/relationships" r:embed="rId2" cstate="email">
          <a:extLst>
            <a:ext uri="{28A0092B-C50C-407E-A947-70E740481C1C}">
              <a14:useLocalDpi xmlns:a14="http://schemas.microsoft.com/office/drawing/2010/main" xmlns=""/>
            </a:ext>
          </a:extLst>
        </a:blip>
        <a:stretch>
          <a:fillRect/>
        </a:stretch>
      </xdr:blipFill>
      <xdr:spPr>
        <a:xfrm>
          <a:off x="127000" y="47523400"/>
          <a:ext cx="6394716" cy="1727799"/>
        </a:xfrm>
        <a:prstGeom prst="rect">
          <a:avLst/>
        </a:prstGeom>
      </xdr:spPr>
    </xdr:pic>
    <xdr:clientData/>
  </xdr:twoCellAnchor>
  <xdr:twoCellAnchor editAs="oneCell">
    <xdr:from>
      <xdr:col>2</xdr:col>
      <xdr:colOff>395655</xdr:colOff>
      <xdr:row>6</xdr:row>
      <xdr:rowOff>68385</xdr:rowOff>
    </xdr:from>
    <xdr:to>
      <xdr:col>2</xdr:col>
      <xdr:colOff>1023366</xdr:colOff>
      <xdr:row>6</xdr:row>
      <xdr:rowOff>346808</xdr:rowOff>
    </xdr:to>
    <xdr:pic>
      <xdr:nvPicPr>
        <xdr:cNvPr id="4" name="Picture 3">
          <a:extLst>
            <a:ext uri="{FF2B5EF4-FFF2-40B4-BE49-F238E27FC236}">
              <a16:creationId xmlns="" xmlns:a16="http://schemas.microsoft.com/office/drawing/2014/main" id="{11BB470B-0D15-46FE-AC64-7A3D6E443B0E}"/>
            </a:ext>
          </a:extLst>
        </xdr:cNvPr>
        <xdr:cNvPicPr>
          <a:picLocks noChangeAspect="1" noChangeArrowheads="1"/>
        </xdr:cNvPicPr>
      </xdr:nvPicPr>
      <xdr:blipFill>
        <a:blip xmlns:r="http://schemas.openxmlformats.org/officeDocument/2006/relationships" r:embed="rId3" cstate="email">
          <a:extLst>
            <a:ext uri="{28A0092B-C50C-407E-A947-70E740481C1C}">
              <a14:useLocalDpi xmlns:a14="http://schemas.microsoft.com/office/drawing/2010/main" xmlns=""/>
            </a:ext>
          </a:extLst>
        </a:blip>
        <a:srcRect/>
        <a:stretch>
          <a:fillRect/>
        </a:stretch>
      </xdr:blipFill>
      <xdr:spPr bwMode="auto">
        <a:xfrm>
          <a:off x="2230805" y="2182935"/>
          <a:ext cx="627711" cy="278423"/>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111125</xdr:colOff>
      <xdr:row>8</xdr:row>
      <xdr:rowOff>127000</xdr:rowOff>
    </xdr:from>
    <xdr:to>
      <xdr:col>2</xdr:col>
      <xdr:colOff>1167449</xdr:colOff>
      <xdr:row>8</xdr:row>
      <xdr:rowOff>496794</xdr:rowOff>
    </xdr:to>
    <xdr:pic>
      <xdr:nvPicPr>
        <xdr:cNvPr id="5" name="图片 84">
          <a:extLst>
            <a:ext uri="{FF2B5EF4-FFF2-40B4-BE49-F238E27FC236}">
              <a16:creationId xmlns="" xmlns:a16="http://schemas.microsoft.com/office/drawing/2014/main" id="{46BF431C-DB1F-46EE-A24B-76F14E677E38}"/>
            </a:ext>
          </a:extLst>
        </xdr:cNvPr>
        <xdr:cNvPicPr>
          <a:picLocks noChangeAspect="1"/>
        </xdr:cNvPicPr>
      </xdr:nvPicPr>
      <xdr:blipFill>
        <a:blip xmlns:r="http://schemas.openxmlformats.org/officeDocument/2006/relationships" r:embed="rId4" cstate="email">
          <a:extLst>
            <a:ext uri="{28A0092B-C50C-407E-A947-70E740481C1C}">
              <a14:useLocalDpi xmlns:a14="http://schemas.microsoft.com/office/drawing/2010/main" xmlns=""/>
            </a:ext>
          </a:extLst>
        </a:blip>
        <a:srcRect/>
        <a:stretch>
          <a:fillRect/>
        </a:stretch>
      </xdr:blipFill>
      <xdr:spPr>
        <a:xfrm>
          <a:off x="1946275" y="2813050"/>
          <a:ext cx="1056324" cy="369794"/>
        </a:xfrm>
        <a:prstGeom prst="rect">
          <a:avLst/>
        </a:prstGeom>
        <a:noFill/>
        <a:ln w="9525">
          <a:noFill/>
          <a:miter lim="800000"/>
          <a:headEnd/>
          <a:tailEnd/>
        </a:ln>
      </xdr:spPr>
    </xdr:pic>
    <xdr:clientData/>
  </xdr:twoCellAnchor>
  <xdr:twoCellAnchor editAs="oneCell">
    <xdr:from>
      <xdr:col>2</xdr:col>
      <xdr:colOff>206375</xdr:colOff>
      <xdr:row>9</xdr:row>
      <xdr:rowOff>7938</xdr:rowOff>
    </xdr:from>
    <xdr:to>
      <xdr:col>2</xdr:col>
      <xdr:colOff>1081848</xdr:colOff>
      <xdr:row>9</xdr:row>
      <xdr:rowOff>479843</xdr:rowOff>
    </xdr:to>
    <xdr:pic>
      <xdr:nvPicPr>
        <xdr:cNvPr id="6" name="图片 85">
          <a:extLst>
            <a:ext uri="{FF2B5EF4-FFF2-40B4-BE49-F238E27FC236}">
              <a16:creationId xmlns="" xmlns:a16="http://schemas.microsoft.com/office/drawing/2014/main" id="{D91F360C-C12D-4698-876A-A3D1BB1282F9}"/>
            </a:ext>
          </a:extLst>
        </xdr:cNvPr>
        <xdr:cNvPicPr>
          <a:picLocks noChangeAspect="1"/>
        </xdr:cNvPicPr>
      </xdr:nvPicPr>
      <xdr:blipFill>
        <a:blip xmlns:r="http://schemas.openxmlformats.org/officeDocument/2006/relationships" r:embed="rId5" cstate="email">
          <a:extLst>
            <a:ext uri="{28A0092B-C50C-407E-A947-70E740481C1C}">
              <a14:useLocalDpi xmlns:a14="http://schemas.microsoft.com/office/drawing/2010/main" xmlns=""/>
            </a:ext>
          </a:extLst>
        </a:blip>
        <a:srcRect/>
        <a:stretch>
          <a:fillRect/>
        </a:stretch>
      </xdr:blipFill>
      <xdr:spPr>
        <a:xfrm>
          <a:off x="2041525" y="3233738"/>
          <a:ext cx="875473" cy="471905"/>
        </a:xfrm>
        <a:prstGeom prst="rect">
          <a:avLst/>
        </a:prstGeom>
        <a:noFill/>
        <a:ln w="9525">
          <a:noFill/>
          <a:miter lim="800000"/>
          <a:headEnd/>
          <a:tailEnd/>
        </a:ln>
      </xdr:spPr>
    </xdr:pic>
    <xdr:clientData/>
  </xdr:twoCellAnchor>
  <xdr:twoCellAnchor editAs="oneCell">
    <xdr:from>
      <xdr:col>2</xdr:col>
      <xdr:colOff>198438</xdr:colOff>
      <xdr:row>10</xdr:row>
      <xdr:rowOff>174625</xdr:rowOff>
    </xdr:from>
    <xdr:to>
      <xdr:col>2</xdr:col>
      <xdr:colOff>1073981</xdr:colOff>
      <xdr:row>10</xdr:row>
      <xdr:rowOff>488462</xdr:rowOff>
    </xdr:to>
    <xdr:pic>
      <xdr:nvPicPr>
        <xdr:cNvPr id="7" name="Picture 1">
          <a:extLst>
            <a:ext uri="{FF2B5EF4-FFF2-40B4-BE49-F238E27FC236}">
              <a16:creationId xmlns="" xmlns:a16="http://schemas.microsoft.com/office/drawing/2014/main" id="{259073E5-A72A-43B3-9DF6-CB9AE98A4797}"/>
            </a:ext>
          </a:extLst>
        </xdr:cNvPr>
        <xdr:cNvPicPr>
          <a:picLocks noChangeAspect="1" noChangeArrowheads="1"/>
        </xdr:cNvPicPr>
      </xdr:nvPicPr>
      <xdr:blipFill>
        <a:blip xmlns:r="http://schemas.openxmlformats.org/officeDocument/2006/relationships" r:embed="rId6" cstate="email">
          <a:extLst>
            <a:ext uri="{28A0092B-C50C-407E-A947-70E740481C1C}">
              <a14:useLocalDpi xmlns:a14="http://schemas.microsoft.com/office/drawing/2010/main" xmlns=""/>
            </a:ext>
          </a:extLst>
        </a:blip>
        <a:srcRect/>
        <a:stretch>
          <a:fillRect/>
        </a:stretch>
      </xdr:blipFill>
      <xdr:spPr>
        <a:xfrm>
          <a:off x="2033588" y="3940175"/>
          <a:ext cx="875543" cy="313837"/>
        </a:xfrm>
        <a:prstGeom prst="rect">
          <a:avLst/>
        </a:prstGeom>
        <a:noFill/>
        <a:ln w="9525">
          <a:noFill/>
          <a:miter lim="800000"/>
          <a:headEnd/>
          <a:tailEnd/>
        </a:ln>
      </xdr:spPr>
    </xdr:pic>
    <xdr:clientData/>
  </xdr:twoCellAnchor>
  <xdr:twoCellAnchor editAs="oneCell">
    <xdr:from>
      <xdr:col>2</xdr:col>
      <xdr:colOff>150813</xdr:colOff>
      <xdr:row>14</xdr:row>
      <xdr:rowOff>95251</xdr:rowOff>
    </xdr:from>
    <xdr:to>
      <xdr:col>2</xdr:col>
      <xdr:colOff>1176488</xdr:colOff>
      <xdr:row>14</xdr:row>
      <xdr:rowOff>468923</xdr:rowOff>
    </xdr:to>
    <xdr:pic>
      <xdr:nvPicPr>
        <xdr:cNvPr id="8" name="Picture 2">
          <a:extLst>
            <a:ext uri="{FF2B5EF4-FFF2-40B4-BE49-F238E27FC236}">
              <a16:creationId xmlns="" xmlns:a16="http://schemas.microsoft.com/office/drawing/2014/main" id="{B1BDD4EA-74D8-4EAC-BFD5-862737959985}"/>
            </a:ext>
          </a:extLst>
        </xdr:cNvPr>
        <xdr:cNvPicPr>
          <a:picLocks noChangeAspect="1" noChangeArrowheads="1"/>
        </xdr:cNvPicPr>
      </xdr:nvPicPr>
      <xdr:blipFill>
        <a:blip xmlns:r="http://schemas.openxmlformats.org/officeDocument/2006/relationships" r:embed="rId7" cstate="email">
          <a:extLst>
            <a:ext uri="{28A0092B-C50C-407E-A947-70E740481C1C}">
              <a14:useLocalDpi xmlns:a14="http://schemas.microsoft.com/office/drawing/2010/main" xmlns=""/>
            </a:ext>
          </a:extLst>
        </a:blip>
        <a:srcRect/>
        <a:stretch>
          <a:fillRect/>
        </a:stretch>
      </xdr:blipFill>
      <xdr:spPr>
        <a:xfrm>
          <a:off x="1985963" y="6019801"/>
          <a:ext cx="1025675" cy="37367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xdr:spPr>
    </xdr:pic>
    <xdr:clientData/>
  </xdr:twoCellAnchor>
  <xdr:twoCellAnchor editAs="oneCell">
    <xdr:from>
      <xdr:col>2</xdr:col>
      <xdr:colOff>494312</xdr:colOff>
      <xdr:row>16</xdr:row>
      <xdr:rowOff>90029</xdr:rowOff>
    </xdr:from>
    <xdr:to>
      <xdr:col>2</xdr:col>
      <xdr:colOff>903654</xdr:colOff>
      <xdr:row>16</xdr:row>
      <xdr:rowOff>454269</xdr:rowOff>
    </xdr:to>
    <xdr:pic>
      <xdr:nvPicPr>
        <xdr:cNvPr id="9" name="图片 12">
          <a:extLst>
            <a:ext uri="{FF2B5EF4-FFF2-40B4-BE49-F238E27FC236}">
              <a16:creationId xmlns="" xmlns:a16="http://schemas.microsoft.com/office/drawing/2014/main" id="{B1A151AF-F275-42FB-8402-34C573936EF0}"/>
            </a:ext>
          </a:extLst>
        </xdr:cNvPr>
        <xdr:cNvPicPr/>
      </xdr:nvPicPr>
      <xdr:blipFill>
        <a:blip xmlns:r="http://schemas.openxmlformats.org/officeDocument/2006/relationships" r:embed="rId8" cstate="email">
          <a:extLst>
            <a:ext uri="{28A0092B-C50C-407E-A947-70E740481C1C}">
              <a14:useLocalDpi xmlns:a14="http://schemas.microsoft.com/office/drawing/2010/main" xmlns=""/>
            </a:ext>
          </a:extLst>
        </a:blip>
        <a:srcRect/>
        <a:stretch>
          <a:fillRect/>
        </a:stretch>
      </xdr:blipFill>
      <xdr:spPr>
        <a:xfrm>
          <a:off x="2329462" y="6732129"/>
          <a:ext cx="409342" cy="364240"/>
        </a:xfrm>
        <a:prstGeom prst="rect">
          <a:avLst/>
        </a:prstGeom>
        <a:noFill/>
        <a:ln w="9525">
          <a:noFill/>
          <a:miter lim="800000"/>
          <a:headEnd/>
          <a:tailEnd/>
        </a:ln>
      </xdr:spPr>
    </xdr:pic>
    <xdr:clientData/>
  </xdr:twoCellAnchor>
  <xdr:oneCellAnchor>
    <xdr:from>
      <xdr:col>2</xdr:col>
      <xdr:colOff>509997</xdr:colOff>
      <xdr:row>19</xdr:row>
      <xdr:rowOff>116949</xdr:rowOff>
    </xdr:from>
    <xdr:ext cx="349696" cy="366695"/>
    <xdr:pic>
      <xdr:nvPicPr>
        <xdr:cNvPr id="10" name="Picture 2">
          <a:extLst>
            <a:ext uri="{FF2B5EF4-FFF2-40B4-BE49-F238E27FC236}">
              <a16:creationId xmlns="" xmlns:a16="http://schemas.microsoft.com/office/drawing/2014/main" id="{D4E4E24D-2CA2-4D61-9C77-149DB5387274}"/>
            </a:ext>
          </a:extLst>
        </xdr:cNvPr>
        <xdr:cNvPicPr>
          <a:picLocks noChangeAspect="1" noChangeArrowheads="1"/>
        </xdr:cNvPicPr>
      </xdr:nvPicPr>
      <xdr:blipFill>
        <a:blip xmlns:r="http://schemas.openxmlformats.org/officeDocument/2006/relationships" r:embed="rId9" cstate="email">
          <a:extLst>
            <a:ext uri="{28A0092B-C50C-407E-A947-70E740481C1C}">
              <a14:useLocalDpi xmlns:a14="http://schemas.microsoft.com/office/drawing/2010/main" xmlns=""/>
            </a:ext>
          </a:extLst>
        </a:blip>
        <a:stretch>
          <a:fillRect/>
        </a:stretch>
      </xdr:blipFill>
      <xdr:spPr>
        <a:xfrm>
          <a:off x="2345147" y="8340199"/>
          <a:ext cx="349696" cy="366695"/>
        </a:xfrm>
        <a:prstGeom prst="rect">
          <a:avLst/>
        </a:prstGeom>
        <a:noFill/>
      </xdr:spPr>
    </xdr:pic>
    <xdr:clientData/>
  </xdr:oneCellAnchor>
  <xdr:twoCellAnchor editAs="oneCell">
    <xdr:from>
      <xdr:col>2</xdr:col>
      <xdr:colOff>492174</xdr:colOff>
      <xdr:row>22</xdr:row>
      <xdr:rowOff>62696</xdr:rowOff>
    </xdr:from>
    <xdr:to>
      <xdr:col>2</xdr:col>
      <xdr:colOff>766885</xdr:colOff>
      <xdr:row>22</xdr:row>
      <xdr:rowOff>486050</xdr:rowOff>
    </xdr:to>
    <xdr:pic>
      <xdr:nvPicPr>
        <xdr:cNvPr id="11" name="Picture 10">
          <a:extLst>
            <a:ext uri="{FF2B5EF4-FFF2-40B4-BE49-F238E27FC236}">
              <a16:creationId xmlns="" xmlns:a16="http://schemas.microsoft.com/office/drawing/2014/main" id="{4E13CCE1-4E64-4795-810B-BF3A59F46842}"/>
            </a:ext>
          </a:extLst>
        </xdr:cNvPr>
        <xdr:cNvPicPr>
          <a:picLocks noChangeAspect="1" noChangeArrowheads="1"/>
        </xdr:cNvPicPr>
      </xdr:nvPicPr>
      <xdr:blipFill>
        <a:blip xmlns:r="http://schemas.openxmlformats.org/officeDocument/2006/relationships" r:embed="rId10" cstate="email">
          <a:clrChange>
            <a:clrFrom>
              <a:srgbClr val="FFFFFF"/>
            </a:clrFrom>
            <a:clrTo>
              <a:srgbClr val="FFFFFF">
                <a:alpha val="0"/>
              </a:srgbClr>
            </a:clrTo>
          </a:clrChange>
          <a:extLst>
            <a:ext uri="{28A0092B-C50C-407E-A947-70E740481C1C}">
              <a14:useLocalDpi xmlns:a14="http://schemas.microsoft.com/office/drawing/2010/main" xmlns=""/>
            </a:ext>
          </a:extLst>
        </a:blip>
        <a:srcRect/>
        <a:stretch>
          <a:fillRect/>
        </a:stretch>
      </xdr:blipFill>
      <xdr:spPr>
        <a:xfrm>
          <a:off x="2327324" y="9867096"/>
          <a:ext cx="274711" cy="423354"/>
        </a:xfrm>
        <a:prstGeom prst="rect">
          <a:avLst/>
        </a:prstGeom>
        <a:noFill/>
      </xdr:spPr>
    </xdr:pic>
    <xdr:clientData/>
  </xdr:twoCellAnchor>
  <xdr:twoCellAnchor editAs="oneCell">
    <xdr:from>
      <xdr:col>2</xdr:col>
      <xdr:colOff>413954</xdr:colOff>
      <xdr:row>17</xdr:row>
      <xdr:rowOff>49391</xdr:rowOff>
    </xdr:from>
    <xdr:to>
      <xdr:col>2</xdr:col>
      <xdr:colOff>849923</xdr:colOff>
      <xdr:row>17</xdr:row>
      <xdr:rowOff>432523</xdr:rowOff>
    </xdr:to>
    <xdr:pic>
      <xdr:nvPicPr>
        <xdr:cNvPr id="12" name="Picture 11">
          <a:extLst>
            <a:ext uri="{FF2B5EF4-FFF2-40B4-BE49-F238E27FC236}">
              <a16:creationId xmlns="" xmlns:a16="http://schemas.microsoft.com/office/drawing/2014/main" id="{F05DCF7A-365D-454A-A1DB-E5B7B7556D7C}"/>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xmlns=""/>
            </a:ext>
          </a:extLst>
        </a:blip>
        <a:srcRect/>
        <a:stretch>
          <a:fillRect/>
        </a:stretch>
      </xdr:blipFill>
      <xdr:spPr bwMode="auto">
        <a:xfrm>
          <a:off x="2249104" y="7218541"/>
          <a:ext cx="435969" cy="38313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58566</xdr:colOff>
      <xdr:row>18</xdr:row>
      <xdr:rowOff>29468</xdr:rowOff>
    </xdr:from>
    <xdr:to>
      <xdr:col>2</xdr:col>
      <xdr:colOff>801873</xdr:colOff>
      <xdr:row>18</xdr:row>
      <xdr:rowOff>428788</xdr:rowOff>
    </xdr:to>
    <xdr:pic>
      <xdr:nvPicPr>
        <xdr:cNvPr id="13" name="Picture 12">
          <a:extLst>
            <a:ext uri="{FF2B5EF4-FFF2-40B4-BE49-F238E27FC236}">
              <a16:creationId xmlns="" xmlns:a16="http://schemas.microsoft.com/office/drawing/2014/main" id="{6FFED63C-A9E5-4435-818B-01757D9E6CED}"/>
            </a:ext>
          </a:extLst>
        </xdr:cNvPr>
        <xdr:cNvPicPr>
          <a:picLocks noChangeAspect="1" noChangeArrowheads="1"/>
        </xdr:cNvPicPr>
      </xdr:nvPicPr>
      <xdr:blipFill>
        <a:blip xmlns:r="http://schemas.openxmlformats.org/officeDocument/2006/relationships" r:embed="rId12" cstate="email">
          <a:extLst>
            <a:ext uri="{28A0092B-C50C-407E-A947-70E740481C1C}">
              <a14:useLocalDpi xmlns:a14="http://schemas.microsoft.com/office/drawing/2010/main" xmlns=""/>
            </a:ext>
          </a:extLst>
        </a:blip>
        <a:srcRect/>
        <a:stretch>
          <a:fillRect/>
        </a:stretch>
      </xdr:blipFill>
      <xdr:spPr bwMode="auto">
        <a:xfrm rot="21429697">
          <a:off x="2293716" y="7725668"/>
          <a:ext cx="343307" cy="39932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543278</xdr:colOff>
      <xdr:row>20</xdr:row>
      <xdr:rowOff>63500</xdr:rowOff>
    </xdr:from>
    <xdr:to>
      <xdr:col>2</xdr:col>
      <xdr:colOff>776654</xdr:colOff>
      <xdr:row>20</xdr:row>
      <xdr:rowOff>488006</xdr:rowOff>
    </xdr:to>
    <xdr:pic>
      <xdr:nvPicPr>
        <xdr:cNvPr id="14" name="Picture 13">
          <a:extLst>
            <a:ext uri="{FF2B5EF4-FFF2-40B4-BE49-F238E27FC236}">
              <a16:creationId xmlns="" xmlns:a16="http://schemas.microsoft.com/office/drawing/2014/main" id="{CD6E2C49-3FD5-4DEC-9EAF-59D3610872E7}"/>
            </a:ext>
          </a:extLst>
        </xdr:cNvPr>
        <xdr:cNvPicPr>
          <a:picLocks noChangeAspect="1" noChangeArrowheads="1"/>
        </xdr:cNvPicPr>
      </xdr:nvPicPr>
      <xdr:blipFill>
        <a:blip xmlns:r="http://schemas.openxmlformats.org/officeDocument/2006/relationships" r:embed="rId13" cstate="email">
          <a:extLst>
            <a:ext uri="{28A0092B-C50C-407E-A947-70E740481C1C}">
              <a14:useLocalDpi xmlns:a14="http://schemas.microsoft.com/office/drawing/2010/main" xmlns=""/>
            </a:ext>
          </a:extLst>
        </a:blip>
        <a:srcRect/>
        <a:stretch>
          <a:fillRect/>
        </a:stretch>
      </xdr:blipFill>
      <xdr:spPr bwMode="auto">
        <a:xfrm>
          <a:off x="2378428" y="8813800"/>
          <a:ext cx="233376" cy="42450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517226</xdr:colOff>
      <xdr:row>21</xdr:row>
      <xdr:rowOff>49390</xdr:rowOff>
    </xdr:from>
    <xdr:to>
      <xdr:col>2</xdr:col>
      <xdr:colOff>815185</xdr:colOff>
      <xdr:row>21</xdr:row>
      <xdr:rowOff>483577</xdr:rowOff>
    </xdr:to>
    <xdr:pic>
      <xdr:nvPicPr>
        <xdr:cNvPr id="15" name="Picture 14">
          <a:extLst>
            <a:ext uri="{FF2B5EF4-FFF2-40B4-BE49-F238E27FC236}">
              <a16:creationId xmlns="" xmlns:a16="http://schemas.microsoft.com/office/drawing/2014/main" id="{96A71B8A-6149-4952-8F75-56C2E6F47F4C}"/>
            </a:ext>
          </a:extLst>
        </xdr:cNvPr>
        <xdr:cNvPicPr>
          <a:picLocks noChangeAspect="1" noChangeArrowheads="1"/>
        </xdr:cNvPicPr>
      </xdr:nvPicPr>
      <xdr:blipFill>
        <a:blip xmlns:r="http://schemas.openxmlformats.org/officeDocument/2006/relationships" r:embed="rId14" cstate="email">
          <a:extLst>
            <a:ext uri="{28A0092B-C50C-407E-A947-70E740481C1C}">
              <a14:useLocalDpi xmlns:a14="http://schemas.microsoft.com/office/drawing/2010/main" xmlns=""/>
            </a:ext>
          </a:extLst>
        </a:blip>
        <a:srcRect/>
        <a:stretch>
          <a:fillRect/>
        </a:stretch>
      </xdr:blipFill>
      <xdr:spPr bwMode="auto">
        <a:xfrm>
          <a:off x="2352376" y="9326740"/>
          <a:ext cx="297959" cy="434187"/>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257413</xdr:colOff>
      <xdr:row>71</xdr:row>
      <xdr:rowOff>24695</xdr:rowOff>
    </xdr:from>
    <xdr:to>
      <xdr:col>2</xdr:col>
      <xdr:colOff>869857</xdr:colOff>
      <xdr:row>71</xdr:row>
      <xdr:rowOff>464039</xdr:rowOff>
    </xdr:to>
    <xdr:pic>
      <xdr:nvPicPr>
        <xdr:cNvPr id="16" name="图片 81" descr="C:\Users\y00481\Desktop\图片文档\TR-WM06-C-IN 筒机壁装支架.png">
          <a:extLst>
            <a:ext uri="{FF2B5EF4-FFF2-40B4-BE49-F238E27FC236}">
              <a16:creationId xmlns="" xmlns:a16="http://schemas.microsoft.com/office/drawing/2014/main" id="{B9E502E1-0FC5-44BD-950C-981D12AEBD8D}"/>
            </a:ext>
          </a:extLst>
        </xdr:cNvPr>
        <xdr:cNvPicPr>
          <a:picLocks noChangeAspect="1"/>
        </xdr:cNvPicPr>
      </xdr:nvPicPr>
      <xdr:blipFill>
        <a:blip xmlns:r="http://schemas.openxmlformats.org/officeDocument/2006/relationships" r:embed="rId15" cstate="email">
          <a:extLst>
            <a:ext uri="{28A0092B-C50C-407E-A947-70E740481C1C}">
              <a14:useLocalDpi xmlns:a14="http://schemas.microsoft.com/office/drawing/2010/main" xmlns=""/>
            </a:ext>
          </a:extLst>
        </a:blip>
        <a:srcRect/>
        <a:stretch>
          <a:fillRect/>
        </a:stretch>
      </xdr:blipFill>
      <xdr:spPr>
        <a:xfrm>
          <a:off x="2092563" y="32917695"/>
          <a:ext cx="612444" cy="439344"/>
        </a:xfrm>
        <a:prstGeom prst="rect">
          <a:avLst/>
        </a:prstGeom>
        <a:noFill/>
        <a:ln>
          <a:noFill/>
        </a:ln>
      </xdr:spPr>
    </xdr:pic>
    <xdr:clientData/>
  </xdr:twoCellAnchor>
  <xdr:twoCellAnchor editAs="oneCell">
    <xdr:from>
      <xdr:col>2</xdr:col>
      <xdr:colOff>472723</xdr:colOff>
      <xdr:row>42</xdr:row>
      <xdr:rowOff>42334</xdr:rowOff>
    </xdr:from>
    <xdr:to>
      <xdr:col>2</xdr:col>
      <xdr:colOff>631527</xdr:colOff>
      <xdr:row>42</xdr:row>
      <xdr:rowOff>420077</xdr:rowOff>
    </xdr:to>
    <xdr:pic>
      <xdr:nvPicPr>
        <xdr:cNvPr id="17" name="图片 91">
          <a:extLst>
            <a:ext uri="{FF2B5EF4-FFF2-40B4-BE49-F238E27FC236}">
              <a16:creationId xmlns="" xmlns:a16="http://schemas.microsoft.com/office/drawing/2014/main" id="{0DE16639-C28C-4AF9-8892-D005BB85DD94}"/>
            </a:ext>
          </a:extLst>
        </xdr:cNvPr>
        <xdr:cNvPicPr>
          <a:picLocks noChangeAspect="1"/>
        </xdr:cNvPicPr>
      </xdr:nvPicPr>
      <xdr:blipFill>
        <a:blip xmlns:r="http://schemas.openxmlformats.org/officeDocument/2006/relationships" r:embed="rId16" cstate="email">
          <a:extLst>
            <a:ext uri="{28A0092B-C50C-407E-A947-70E740481C1C}">
              <a14:useLocalDpi xmlns:a14="http://schemas.microsoft.com/office/drawing/2010/main" xmlns=""/>
            </a:ext>
          </a:extLst>
        </a:blip>
        <a:srcRect/>
        <a:stretch>
          <a:fillRect/>
        </a:stretch>
      </xdr:blipFill>
      <xdr:spPr>
        <a:xfrm>
          <a:off x="2307873" y="19124084"/>
          <a:ext cx="158804" cy="377743"/>
        </a:xfrm>
        <a:prstGeom prst="rect">
          <a:avLst/>
        </a:prstGeom>
        <a:noFill/>
        <a:ln w="9525">
          <a:noFill/>
          <a:miter lim="800000"/>
          <a:headEnd/>
          <a:tailEnd/>
        </a:ln>
      </xdr:spPr>
    </xdr:pic>
    <xdr:clientData/>
  </xdr:twoCellAnchor>
  <xdr:twoCellAnchor editAs="oneCell">
    <xdr:from>
      <xdr:col>2</xdr:col>
      <xdr:colOff>529167</xdr:colOff>
      <xdr:row>43</xdr:row>
      <xdr:rowOff>119946</xdr:rowOff>
    </xdr:from>
    <xdr:to>
      <xdr:col>2</xdr:col>
      <xdr:colOff>653904</xdr:colOff>
      <xdr:row>43</xdr:row>
      <xdr:rowOff>351694</xdr:rowOff>
    </xdr:to>
    <xdr:pic>
      <xdr:nvPicPr>
        <xdr:cNvPr id="18" name="图片 87">
          <a:extLst>
            <a:ext uri="{FF2B5EF4-FFF2-40B4-BE49-F238E27FC236}">
              <a16:creationId xmlns="" xmlns:a16="http://schemas.microsoft.com/office/drawing/2014/main" id="{70ED1ADF-2DDC-4B05-AB95-DCDB618F89B9}"/>
            </a:ext>
          </a:extLst>
        </xdr:cNvPr>
        <xdr:cNvPicPr>
          <a:picLocks noChangeAspect="1"/>
        </xdr:cNvPicPr>
      </xdr:nvPicPr>
      <xdr:blipFill>
        <a:blip xmlns:r="http://schemas.openxmlformats.org/officeDocument/2006/relationships" r:embed="rId17" cstate="email">
          <a:extLst>
            <a:ext uri="{28A0092B-C50C-407E-A947-70E740481C1C}">
              <a14:useLocalDpi xmlns:a14="http://schemas.microsoft.com/office/drawing/2010/main" xmlns=""/>
            </a:ext>
          </a:extLst>
        </a:blip>
        <a:srcRect/>
        <a:stretch>
          <a:fillRect/>
        </a:stretch>
      </xdr:blipFill>
      <xdr:spPr>
        <a:xfrm flipH="1">
          <a:off x="2364317" y="19677946"/>
          <a:ext cx="124737" cy="231748"/>
        </a:xfrm>
        <a:prstGeom prst="rect">
          <a:avLst/>
        </a:prstGeom>
        <a:noFill/>
        <a:ln w="9525">
          <a:noFill/>
          <a:miter lim="800000"/>
          <a:headEnd/>
          <a:tailEnd/>
        </a:ln>
      </xdr:spPr>
    </xdr:pic>
    <xdr:clientData/>
  </xdr:twoCellAnchor>
  <xdr:twoCellAnchor editAs="oneCell">
    <xdr:from>
      <xdr:col>2</xdr:col>
      <xdr:colOff>239888</xdr:colOff>
      <xdr:row>44</xdr:row>
      <xdr:rowOff>28222</xdr:rowOff>
    </xdr:from>
    <xdr:to>
      <xdr:col>2</xdr:col>
      <xdr:colOff>1045308</xdr:colOff>
      <xdr:row>44</xdr:row>
      <xdr:rowOff>433969</xdr:rowOff>
    </xdr:to>
    <xdr:pic>
      <xdr:nvPicPr>
        <xdr:cNvPr id="19" name="图片 92" descr="C:\Users\y00481\Desktop\图片文档\323系列半球嵌入式支架(雅白)-323系列半球.779 (2).png">
          <a:extLst>
            <a:ext uri="{FF2B5EF4-FFF2-40B4-BE49-F238E27FC236}">
              <a16:creationId xmlns="" xmlns:a16="http://schemas.microsoft.com/office/drawing/2014/main" id="{B530C3BB-C34A-4AEC-8A96-EE8D62AB909F}"/>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rcRect/>
        <a:stretch>
          <a:fillRect/>
        </a:stretch>
      </xdr:blipFill>
      <xdr:spPr>
        <a:xfrm>
          <a:off x="2075038" y="20062472"/>
          <a:ext cx="805420" cy="405747"/>
        </a:xfrm>
        <a:prstGeom prst="rect">
          <a:avLst/>
        </a:prstGeom>
        <a:noFill/>
        <a:ln>
          <a:noFill/>
        </a:ln>
      </xdr:spPr>
    </xdr:pic>
    <xdr:clientData/>
  </xdr:twoCellAnchor>
  <xdr:twoCellAnchor editAs="oneCell">
    <xdr:from>
      <xdr:col>2</xdr:col>
      <xdr:colOff>215568</xdr:colOff>
      <xdr:row>45</xdr:row>
      <xdr:rowOff>98778</xdr:rowOff>
    </xdr:from>
    <xdr:to>
      <xdr:col>2</xdr:col>
      <xdr:colOff>801078</xdr:colOff>
      <xdr:row>45</xdr:row>
      <xdr:rowOff>440578</xdr:rowOff>
    </xdr:to>
    <xdr:pic>
      <xdr:nvPicPr>
        <xdr:cNvPr id="20" name="Picture 1">
          <a:extLst>
            <a:ext uri="{FF2B5EF4-FFF2-40B4-BE49-F238E27FC236}">
              <a16:creationId xmlns="" xmlns:a16="http://schemas.microsoft.com/office/drawing/2014/main" id="{1D98E28A-9E74-48C8-9A80-1E10C9A7C96B}"/>
            </a:ext>
          </a:extLst>
        </xdr:cNvPr>
        <xdr:cNvPicPr>
          <a:picLocks noChangeAspect="1" noChangeArrowheads="1"/>
        </xdr:cNvPicPr>
      </xdr:nvPicPr>
      <xdr:blipFill>
        <a:blip xmlns:r="http://schemas.openxmlformats.org/officeDocument/2006/relationships" r:embed="rId19" cstate="email">
          <a:extLst>
            <a:ext uri="{28A0092B-C50C-407E-A947-70E740481C1C}">
              <a14:useLocalDpi xmlns:a14="http://schemas.microsoft.com/office/drawing/2010/main" xmlns=""/>
            </a:ext>
          </a:extLst>
        </a:blip>
        <a:srcRect/>
        <a:stretch>
          <a:fillRect/>
        </a:stretch>
      </xdr:blipFill>
      <xdr:spPr>
        <a:xfrm>
          <a:off x="2050718" y="20609278"/>
          <a:ext cx="585510" cy="341800"/>
        </a:xfrm>
        <a:prstGeom prst="rect">
          <a:avLst/>
        </a:prstGeom>
        <a:noFill/>
        <a:ln w="9525">
          <a:noFill/>
          <a:miter lim="800000"/>
          <a:headEnd/>
          <a:tailEnd/>
        </a:ln>
      </xdr:spPr>
    </xdr:pic>
    <xdr:clientData/>
  </xdr:twoCellAnchor>
  <xdr:twoCellAnchor>
    <xdr:from>
      <xdr:col>2</xdr:col>
      <xdr:colOff>416478</xdr:colOff>
      <xdr:row>47</xdr:row>
      <xdr:rowOff>35278</xdr:rowOff>
    </xdr:from>
    <xdr:to>
      <xdr:col>2</xdr:col>
      <xdr:colOff>838572</xdr:colOff>
      <xdr:row>47</xdr:row>
      <xdr:rowOff>601964</xdr:rowOff>
    </xdr:to>
    <xdr:pic>
      <xdr:nvPicPr>
        <xdr:cNvPr id="21" name="Picture 2" descr="C:\Users\z01953\Documents\KeyShot 5\Renderings\untitled.70.png">
          <a:extLst>
            <a:ext uri="{FF2B5EF4-FFF2-40B4-BE49-F238E27FC236}">
              <a16:creationId xmlns="" xmlns:a16="http://schemas.microsoft.com/office/drawing/2014/main" id="{06C4EADE-FEE5-4EE2-9832-74572F060FCE}"/>
            </a:ext>
          </a:extLst>
        </xdr:cNvPr>
        <xdr:cNvPicPr>
          <a:picLocks noChangeAspect="1" noChangeArrowheads="1"/>
        </xdr:cNvPicPr>
      </xdr:nvPicPr>
      <xdr:blipFill>
        <a:blip xmlns:r="http://schemas.openxmlformats.org/officeDocument/2006/relationships" r:embed="rId20" cstate="email">
          <a:extLst>
            <a:ext uri="{28A0092B-C50C-407E-A947-70E740481C1C}">
              <a14:useLocalDpi xmlns:a14="http://schemas.microsoft.com/office/drawing/2010/main" xmlns=""/>
            </a:ext>
          </a:extLst>
        </a:blip>
        <a:srcRect/>
        <a:stretch>
          <a:fillRect/>
        </a:stretch>
      </xdr:blipFill>
      <xdr:spPr>
        <a:xfrm>
          <a:off x="2251628" y="21498278"/>
          <a:ext cx="422094" cy="439686"/>
        </a:xfrm>
        <a:prstGeom prst="rect">
          <a:avLst/>
        </a:prstGeom>
        <a:noFill/>
      </xdr:spPr>
    </xdr:pic>
    <xdr:clientData/>
  </xdr:twoCellAnchor>
  <xdr:twoCellAnchor editAs="oneCell">
    <xdr:from>
      <xdr:col>2</xdr:col>
      <xdr:colOff>226526</xdr:colOff>
      <xdr:row>48</xdr:row>
      <xdr:rowOff>134058</xdr:rowOff>
    </xdr:from>
    <xdr:to>
      <xdr:col>2</xdr:col>
      <xdr:colOff>1105619</xdr:colOff>
      <xdr:row>48</xdr:row>
      <xdr:rowOff>366890</xdr:rowOff>
    </xdr:to>
    <xdr:pic>
      <xdr:nvPicPr>
        <xdr:cNvPr id="22" name="Picture 14">
          <a:extLst>
            <a:ext uri="{FF2B5EF4-FFF2-40B4-BE49-F238E27FC236}">
              <a16:creationId xmlns="" xmlns:a16="http://schemas.microsoft.com/office/drawing/2014/main" id="{1F1950F4-16D9-492E-86FB-1AF63D9A44C3}"/>
            </a:ext>
          </a:extLst>
        </xdr:cNvPr>
        <xdr:cNvPicPr>
          <a:picLocks noChangeAspect="1" noChangeArrowheads="1"/>
        </xdr:cNvPicPr>
      </xdr:nvPicPr>
      <xdr:blipFill>
        <a:blip xmlns:r="http://schemas.openxmlformats.org/officeDocument/2006/relationships" r:embed="rId21" cstate="email">
          <a:extLst>
            <a:ext uri="{28A0092B-C50C-407E-A947-70E740481C1C}">
              <a14:useLocalDpi xmlns:a14="http://schemas.microsoft.com/office/drawing/2010/main" xmlns=""/>
            </a:ext>
          </a:extLst>
        </a:blip>
        <a:srcRect/>
        <a:stretch>
          <a:fillRect/>
        </a:stretch>
      </xdr:blipFill>
      <xdr:spPr>
        <a:xfrm rot="5400000">
          <a:off x="2384807" y="21750177"/>
          <a:ext cx="232832" cy="879093"/>
        </a:xfrm>
        <a:prstGeom prst="rect">
          <a:avLst/>
        </a:prstGeom>
        <a:noFill/>
      </xdr:spPr>
    </xdr:pic>
    <xdr:clientData/>
  </xdr:twoCellAnchor>
  <xdr:twoCellAnchor editAs="oneCell">
    <xdr:from>
      <xdr:col>2</xdr:col>
      <xdr:colOff>259191</xdr:colOff>
      <xdr:row>49</xdr:row>
      <xdr:rowOff>185308</xdr:rowOff>
    </xdr:from>
    <xdr:to>
      <xdr:col>2</xdr:col>
      <xdr:colOff>1177882</xdr:colOff>
      <xdr:row>49</xdr:row>
      <xdr:rowOff>416277</xdr:rowOff>
    </xdr:to>
    <xdr:pic>
      <xdr:nvPicPr>
        <xdr:cNvPr id="23" name="Picture 20">
          <a:extLst>
            <a:ext uri="{FF2B5EF4-FFF2-40B4-BE49-F238E27FC236}">
              <a16:creationId xmlns="" xmlns:a16="http://schemas.microsoft.com/office/drawing/2014/main" id="{76071D3C-CA7D-4C51-A254-E44E58E1DD9A}"/>
            </a:ext>
          </a:extLst>
        </xdr:cNvPr>
        <xdr:cNvPicPr>
          <a:picLocks noChangeAspect="1" noChangeArrowheads="1"/>
        </xdr:cNvPicPr>
      </xdr:nvPicPr>
      <xdr:blipFill>
        <a:blip xmlns:r="http://schemas.openxmlformats.org/officeDocument/2006/relationships" r:embed="rId22" cstate="email">
          <a:extLst>
            <a:ext uri="{28A0092B-C50C-407E-A947-70E740481C1C}">
              <a14:useLocalDpi xmlns:a14="http://schemas.microsoft.com/office/drawing/2010/main" xmlns=""/>
            </a:ext>
          </a:extLst>
        </a:blip>
        <a:srcRect/>
        <a:stretch>
          <a:fillRect/>
        </a:stretch>
      </xdr:blipFill>
      <xdr:spPr>
        <a:xfrm rot="5400000">
          <a:off x="2438202" y="22256947"/>
          <a:ext cx="230969" cy="918691"/>
        </a:xfrm>
        <a:prstGeom prst="rect">
          <a:avLst/>
        </a:prstGeom>
        <a:noFill/>
      </xdr:spPr>
    </xdr:pic>
    <xdr:clientData/>
  </xdr:twoCellAnchor>
  <xdr:twoCellAnchor editAs="oneCell">
    <xdr:from>
      <xdr:col>2</xdr:col>
      <xdr:colOff>162278</xdr:colOff>
      <xdr:row>50</xdr:row>
      <xdr:rowOff>49389</xdr:rowOff>
    </xdr:from>
    <xdr:to>
      <xdr:col>2</xdr:col>
      <xdr:colOff>1235579</xdr:colOff>
      <xdr:row>50</xdr:row>
      <xdr:rowOff>407285</xdr:rowOff>
    </xdr:to>
    <xdr:pic>
      <xdr:nvPicPr>
        <xdr:cNvPr id="24" name="图片 96" descr="323系列半球电器盒.png">
          <a:extLst>
            <a:ext uri="{FF2B5EF4-FFF2-40B4-BE49-F238E27FC236}">
              <a16:creationId xmlns="" xmlns:a16="http://schemas.microsoft.com/office/drawing/2014/main" id="{D76C3952-4ADD-47D2-A95F-C6C31FF1F189}"/>
            </a:ext>
          </a:extLst>
        </xdr:cNvPr>
        <xdr:cNvPicPr>
          <a:picLocks noChangeAspect="1"/>
        </xdr:cNvPicPr>
      </xdr:nvPicPr>
      <xdr:blipFill>
        <a:blip xmlns:r="http://schemas.openxmlformats.org/officeDocument/2006/relationships" r:embed="rId23" cstate="email">
          <a:extLst>
            <a:ext uri="{28A0092B-C50C-407E-A947-70E740481C1C}">
              <a14:useLocalDpi xmlns:a14="http://schemas.microsoft.com/office/drawing/2010/main" xmlns=""/>
            </a:ext>
          </a:extLst>
        </a:blip>
        <a:srcRect/>
        <a:stretch>
          <a:fillRect/>
        </a:stretch>
      </xdr:blipFill>
      <xdr:spPr>
        <a:xfrm>
          <a:off x="1997428" y="22941139"/>
          <a:ext cx="1073301" cy="357896"/>
        </a:xfrm>
        <a:prstGeom prst="rect">
          <a:avLst/>
        </a:prstGeom>
      </xdr:spPr>
    </xdr:pic>
    <xdr:clientData/>
  </xdr:twoCellAnchor>
  <xdr:twoCellAnchor>
    <xdr:from>
      <xdr:col>2</xdr:col>
      <xdr:colOff>395111</xdr:colOff>
      <xdr:row>51</xdr:row>
      <xdr:rowOff>35278</xdr:rowOff>
    </xdr:from>
    <xdr:to>
      <xdr:col>2</xdr:col>
      <xdr:colOff>971175</xdr:colOff>
      <xdr:row>51</xdr:row>
      <xdr:rowOff>539334</xdr:rowOff>
    </xdr:to>
    <xdr:pic>
      <xdr:nvPicPr>
        <xdr:cNvPr id="25" name="图片 26">
          <a:extLst>
            <a:ext uri="{FF2B5EF4-FFF2-40B4-BE49-F238E27FC236}">
              <a16:creationId xmlns="" xmlns:a16="http://schemas.microsoft.com/office/drawing/2014/main" id="{97CF9BBF-3739-4F36-84DE-676965B09DBD}"/>
            </a:ext>
          </a:extLst>
        </xdr:cNvPr>
        <xdr:cNvPicPr/>
      </xdr:nvPicPr>
      <xdr:blipFill>
        <a:blip xmlns:r="http://schemas.openxmlformats.org/officeDocument/2006/relationships" r:embed="rId24" cstate="email">
          <a:extLst>
            <a:ext uri="{28A0092B-C50C-407E-A947-70E740481C1C}">
              <a14:useLocalDpi xmlns:a14="http://schemas.microsoft.com/office/drawing/2010/main" xmlns=""/>
            </a:ext>
          </a:extLst>
        </a:blip>
        <a:srcRect/>
        <a:stretch>
          <a:fillRect/>
        </a:stretch>
      </xdr:blipFill>
      <xdr:spPr>
        <a:xfrm>
          <a:off x="2230261" y="23403278"/>
          <a:ext cx="576064" cy="440556"/>
        </a:xfrm>
        <a:prstGeom prst="rect">
          <a:avLst/>
        </a:prstGeom>
        <a:noFill/>
        <a:ln w="9525">
          <a:noFill/>
          <a:miter lim="800000"/>
          <a:headEnd/>
          <a:tailEnd/>
        </a:ln>
      </xdr:spPr>
    </xdr:pic>
    <xdr:clientData/>
  </xdr:twoCellAnchor>
  <xdr:oneCellAnchor>
    <xdr:from>
      <xdr:col>2</xdr:col>
      <xdr:colOff>392938</xdr:colOff>
      <xdr:row>52</xdr:row>
      <xdr:rowOff>70556</xdr:rowOff>
    </xdr:from>
    <xdr:ext cx="325101" cy="368039"/>
    <xdr:pic>
      <xdr:nvPicPr>
        <xdr:cNvPr id="26" name="Picture 1">
          <a:extLst>
            <a:ext uri="{FF2B5EF4-FFF2-40B4-BE49-F238E27FC236}">
              <a16:creationId xmlns="" xmlns:a16="http://schemas.microsoft.com/office/drawing/2014/main" id="{27CBC6E3-D454-4E21-9B40-AF6FEE54D7C3}"/>
            </a:ext>
          </a:extLst>
        </xdr:cNvPr>
        <xdr:cNvPicPr>
          <a:picLocks noChangeAspect="1" noChangeArrowheads="1"/>
        </xdr:cNvPicPr>
      </xdr:nvPicPr>
      <xdr:blipFill>
        <a:blip xmlns:r="http://schemas.openxmlformats.org/officeDocument/2006/relationships" r:embed="rId25" cstate="email">
          <a:extLst>
            <a:ext uri="{28A0092B-C50C-407E-A947-70E740481C1C}">
              <a14:useLocalDpi xmlns:a14="http://schemas.microsoft.com/office/drawing/2010/main" xmlns=""/>
            </a:ext>
          </a:extLst>
        </a:blip>
        <a:srcRect/>
        <a:stretch>
          <a:fillRect/>
        </a:stretch>
      </xdr:blipFill>
      <xdr:spPr>
        <a:xfrm>
          <a:off x="2228088" y="23914806"/>
          <a:ext cx="325101" cy="368039"/>
        </a:xfrm>
        <a:prstGeom prst="rect">
          <a:avLst/>
        </a:prstGeom>
        <a:noFill/>
        <a:ln w="9525">
          <a:noFill/>
          <a:miter lim="800000"/>
          <a:headEnd/>
          <a:tailEnd/>
        </a:ln>
      </xdr:spPr>
    </xdr:pic>
    <xdr:clientData/>
  </xdr:oneCellAnchor>
  <xdr:oneCellAnchor>
    <xdr:from>
      <xdr:col>2</xdr:col>
      <xdr:colOff>437444</xdr:colOff>
      <xdr:row>53</xdr:row>
      <xdr:rowOff>12380</xdr:rowOff>
    </xdr:from>
    <xdr:ext cx="360132" cy="407697"/>
    <xdr:pic>
      <xdr:nvPicPr>
        <xdr:cNvPr id="27" name="Picture 1">
          <a:extLst>
            <a:ext uri="{FF2B5EF4-FFF2-40B4-BE49-F238E27FC236}">
              <a16:creationId xmlns="" xmlns:a16="http://schemas.microsoft.com/office/drawing/2014/main" id="{F93DA4B0-2B76-418C-92E9-C532D59E48D3}"/>
            </a:ext>
          </a:extLst>
        </xdr:cNvPr>
        <xdr:cNvPicPr>
          <a:picLocks noChangeAspect="1" noChangeArrowheads="1"/>
        </xdr:cNvPicPr>
      </xdr:nvPicPr>
      <xdr:blipFill>
        <a:blip xmlns:r="http://schemas.openxmlformats.org/officeDocument/2006/relationships" r:embed="rId26" cstate="email">
          <a:extLst>
            <a:ext uri="{28A0092B-C50C-407E-A947-70E740481C1C}">
              <a14:useLocalDpi xmlns:a14="http://schemas.microsoft.com/office/drawing/2010/main" xmlns=""/>
            </a:ext>
          </a:extLst>
        </a:blip>
        <a:srcRect/>
        <a:stretch>
          <a:fillRect/>
        </a:stretch>
      </xdr:blipFill>
      <xdr:spPr>
        <a:xfrm>
          <a:off x="2272594" y="24332880"/>
          <a:ext cx="360132" cy="407697"/>
        </a:xfrm>
        <a:prstGeom prst="rect">
          <a:avLst/>
        </a:prstGeom>
        <a:noFill/>
        <a:ln w="9525">
          <a:noFill/>
          <a:miter lim="800000"/>
          <a:headEnd/>
          <a:tailEnd/>
        </a:ln>
      </xdr:spPr>
    </xdr:pic>
    <xdr:clientData/>
  </xdr:oneCellAnchor>
  <xdr:oneCellAnchor>
    <xdr:from>
      <xdr:col>2</xdr:col>
      <xdr:colOff>296333</xdr:colOff>
      <xdr:row>64</xdr:row>
      <xdr:rowOff>27156</xdr:rowOff>
    </xdr:from>
    <xdr:ext cx="433462" cy="392922"/>
    <xdr:pic>
      <xdr:nvPicPr>
        <xdr:cNvPr id="28" name="Picture 3">
          <a:extLst>
            <a:ext uri="{FF2B5EF4-FFF2-40B4-BE49-F238E27FC236}">
              <a16:creationId xmlns="" xmlns:a16="http://schemas.microsoft.com/office/drawing/2014/main" id="{5DDBDF31-0A58-4A6F-A317-8C1BCE6360F4}"/>
            </a:ext>
          </a:extLst>
        </xdr:cNvPr>
        <xdr:cNvPicPr>
          <a:picLocks noChangeAspect="1" noChangeArrowheads="1"/>
        </xdr:cNvPicPr>
      </xdr:nvPicPr>
      <xdr:blipFill>
        <a:blip xmlns:r="http://schemas.openxmlformats.org/officeDocument/2006/relationships" r:embed="rId27" cstate="screen">
          <a:extLst>
            <a:ext uri="{28A0092B-C50C-407E-A947-70E740481C1C}">
              <a14:useLocalDpi xmlns:a14="http://schemas.microsoft.com/office/drawing/2010/main" xmlns=""/>
            </a:ext>
          </a:extLst>
        </a:blip>
        <a:srcRect/>
        <a:stretch>
          <a:fillRect/>
        </a:stretch>
      </xdr:blipFill>
      <xdr:spPr>
        <a:xfrm>
          <a:off x="2131483" y="29586406"/>
          <a:ext cx="433462" cy="392922"/>
        </a:xfrm>
        <a:prstGeom prst="rect">
          <a:avLst/>
        </a:prstGeom>
        <a:noFill/>
        <a:ln w="9525">
          <a:noFill/>
          <a:miter lim="800000"/>
          <a:headEnd/>
          <a:tailEnd/>
        </a:ln>
      </xdr:spPr>
    </xdr:pic>
    <xdr:clientData/>
  </xdr:oneCellAnchor>
  <xdr:oneCellAnchor>
    <xdr:from>
      <xdr:col>2</xdr:col>
      <xdr:colOff>294409</xdr:colOff>
      <xdr:row>65</xdr:row>
      <xdr:rowOff>35278</xdr:rowOff>
    </xdr:from>
    <xdr:ext cx="584822" cy="399686"/>
    <xdr:pic>
      <xdr:nvPicPr>
        <xdr:cNvPr id="29" name="Picture 3" descr="C:\Users\z01953\Desktop\2.png">
          <a:extLst>
            <a:ext uri="{FF2B5EF4-FFF2-40B4-BE49-F238E27FC236}">
              <a16:creationId xmlns="" xmlns:a16="http://schemas.microsoft.com/office/drawing/2014/main" id="{76A0B8F3-FCB6-4691-BA0A-D842E53D81BD}"/>
            </a:ext>
          </a:extLst>
        </xdr:cNvPr>
        <xdr:cNvPicPr>
          <a:picLocks noChangeAspect="1" noChangeArrowheads="1"/>
        </xdr:cNvPicPr>
      </xdr:nvPicPr>
      <xdr:blipFill>
        <a:blip xmlns:r="http://schemas.openxmlformats.org/officeDocument/2006/relationships" r:embed="rId28" cstate="email">
          <a:extLst>
            <a:ext uri="{28A0092B-C50C-407E-A947-70E740481C1C}">
              <a14:useLocalDpi xmlns:a14="http://schemas.microsoft.com/office/drawing/2010/main" xmlns=""/>
            </a:ext>
          </a:extLst>
        </a:blip>
        <a:srcRect/>
        <a:stretch>
          <a:fillRect/>
        </a:stretch>
      </xdr:blipFill>
      <xdr:spPr>
        <a:xfrm>
          <a:off x="2129559" y="30070778"/>
          <a:ext cx="584822" cy="399686"/>
        </a:xfrm>
        <a:prstGeom prst="rect">
          <a:avLst/>
        </a:prstGeom>
        <a:noFill/>
      </xdr:spPr>
    </xdr:pic>
    <xdr:clientData/>
  </xdr:oneCellAnchor>
  <xdr:oneCellAnchor>
    <xdr:from>
      <xdr:col>2</xdr:col>
      <xdr:colOff>519409</xdr:colOff>
      <xdr:row>66</xdr:row>
      <xdr:rowOff>35278</xdr:rowOff>
    </xdr:from>
    <xdr:ext cx="332975" cy="409222"/>
    <xdr:pic>
      <xdr:nvPicPr>
        <xdr:cNvPr id="30" name="Picture 3">
          <a:extLst>
            <a:ext uri="{FF2B5EF4-FFF2-40B4-BE49-F238E27FC236}">
              <a16:creationId xmlns="" xmlns:a16="http://schemas.microsoft.com/office/drawing/2014/main" id="{6087A031-FE60-4143-86FA-091DEAE493AE}"/>
            </a:ext>
          </a:extLst>
        </xdr:cNvPr>
        <xdr:cNvPicPr>
          <a:picLocks noChangeAspect="1" noChangeArrowheads="1"/>
        </xdr:cNvPicPr>
      </xdr:nvPicPr>
      <xdr:blipFill>
        <a:blip xmlns:r="http://schemas.openxmlformats.org/officeDocument/2006/relationships" r:embed="rId29" cstate="email">
          <a:extLst>
            <a:ext uri="{28A0092B-C50C-407E-A947-70E740481C1C}">
              <a14:useLocalDpi xmlns:a14="http://schemas.microsoft.com/office/drawing/2010/main" xmlns=""/>
            </a:ext>
          </a:extLst>
        </a:blip>
        <a:stretch>
          <a:fillRect/>
        </a:stretch>
      </xdr:blipFill>
      <xdr:spPr>
        <a:xfrm>
          <a:off x="2354559" y="30547028"/>
          <a:ext cx="332975" cy="409222"/>
        </a:xfrm>
        <a:prstGeom prst="rect">
          <a:avLst/>
        </a:prstGeom>
        <a:noFill/>
      </xdr:spPr>
    </xdr:pic>
    <xdr:clientData/>
  </xdr:oneCellAnchor>
  <xdr:twoCellAnchor editAs="oneCell">
    <xdr:from>
      <xdr:col>2</xdr:col>
      <xdr:colOff>352778</xdr:colOff>
      <xdr:row>54</xdr:row>
      <xdr:rowOff>21167</xdr:rowOff>
    </xdr:from>
    <xdr:to>
      <xdr:col>2</xdr:col>
      <xdr:colOff>976923</xdr:colOff>
      <xdr:row>54</xdr:row>
      <xdr:rowOff>426210</xdr:rowOff>
    </xdr:to>
    <xdr:pic>
      <xdr:nvPicPr>
        <xdr:cNvPr id="31" name="Picture 2">
          <a:extLst>
            <a:ext uri="{FF2B5EF4-FFF2-40B4-BE49-F238E27FC236}">
              <a16:creationId xmlns="" xmlns:a16="http://schemas.microsoft.com/office/drawing/2014/main" id="{2B9794A5-5FA5-4021-8BE0-7552AD66D0D7}"/>
            </a:ext>
          </a:extLst>
        </xdr:cNvPr>
        <xdr:cNvPicPr>
          <a:picLocks noChangeAspect="1" noChangeArrowheads="1"/>
        </xdr:cNvPicPr>
      </xdr:nvPicPr>
      <xdr:blipFill>
        <a:blip xmlns:r="http://schemas.openxmlformats.org/officeDocument/2006/relationships" r:embed="rId30" cstate="email">
          <a:extLst>
            <a:ext uri="{28A0092B-C50C-407E-A947-70E740481C1C}">
              <a14:useLocalDpi xmlns:a14="http://schemas.microsoft.com/office/drawing/2010/main" xmlns=""/>
            </a:ext>
          </a:extLst>
        </a:blip>
        <a:srcRect/>
        <a:stretch>
          <a:fillRect/>
        </a:stretch>
      </xdr:blipFill>
      <xdr:spPr>
        <a:xfrm>
          <a:off x="2187928" y="24817917"/>
          <a:ext cx="624145" cy="405043"/>
        </a:xfrm>
        <a:prstGeom prst="rect">
          <a:avLst/>
        </a:prstGeom>
        <a:noFill/>
      </xdr:spPr>
    </xdr:pic>
    <xdr:clientData/>
  </xdr:twoCellAnchor>
  <xdr:twoCellAnchor editAs="oneCell">
    <xdr:from>
      <xdr:col>2</xdr:col>
      <xdr:colOff>249102</xdr:colOff>
      <xdr:row>55</xdr:row>
      <xdr:rowOff>42332</xdr:rowOff>
    </xdr:from>
    <xdr:to>
      <xdr:col>2</xdr:col>
      <xdr:colOff>903654</xdr:colOff>
      <xdr:row>55</xdr:row>
      <xdr:rowOff>395785</xdr:rowOff>
    </xdr:to>
    <xdr:pic>
      <xdr:nvPicPr>
        <xdr:cNvPr id="32" name="图片 90">
          <a:extLst>
            <a:ext uri="{FF2B5EF4-FFF2-40B4-BE49-F238E27FC236}">
              <a16:creationId xmlns="" xmlns:a16="http://schemas.microsoft.com/office/drawing/2014/main" id="{CC443131-D722-4702-930D-C31DC07BEABC}"/>
            </a:ext>
          </a:extLst>
        </xdr:cNvPr>
        <xdr:cNvPicPr>
          <a:picLocks noChangeAspect="1"/>
        </xdr:cNvPicPr>
      </xdr:nvPicPr>
      <xdr:blipFill>
        <a:blip xmlns:r="http://schemas.openxmlformats.org/officeDocument/2006/relationships" r:embed="rId31" cstate="email">
          <a:extLst>
            <a:ext uri="{28A0092B-C50C-407E-A947-70E740481C1C}">
              <a14:useLocalDpi xmlns:a14="http://schemas.microsoft.com/office/drawing/2010/main" xmlns=""/>
            </a:ext>
          </a:extLst>
        </a:blip>
        <a:srcRect/>
        <a:stretch>
          <a:fillRect/>
        </a:stretch>
      </xdr:blipFill>
      <xdr:spPr>
        <a:xfrm>
          <a:off x="2084252" y="25315332"/>
          <a:ext cx="654552" cy="353453"/>
        </a:xfrm>
        <a:prstGeom prst="rect">
          <a:avLst/>
        </a:prstGeom>
        <a:noFill/>
        <a:ln w="9525">
          <a:noFill/>
          <a:miter lim="800000"/>
          <a:headEnd/>
          <a:tailEnd/>
        </a:ln>
      </xdr:spPr>
    </xdr:pic>
    <xdr:clientData/>
  </xdr:twoCellAnchor>
  <xdr:twoCellAnchor editAs="oneCell">
    <xdr:from>
      <xdr:col>2</xdr:col>
      <xdr:colOff>543276</xdr:colOff>
      <xdr:row>56</xdr:row>
      <xdr:rowOff>87502</xdr:rowOff>
    </xdr:from>
    <xdr:to>
      <xdr:col>2</xdr:col>
      <xdr:colOff>747347</xdr:colOff>
      <xdr:row>56</xdr:row>
      <xdr:rowOff>429846</xdr:rowOff>
    </xdr:to>
    <xdr:pic>
      <xdr:nvPicPr>
        <xdr:cNvPr id="33" name="图片 82">
          <a:extLst>
            <a:ext uri="{FF2B5EF4-FFF2-40B4-BE49-F238E27FC236}">
              <a16:creationId xmlns="" xmlns:a16="http://schemas.microsoft.com/office/drawing/2014/main" id="{998C8AE8-077C-43EF-993B-738630C6FB19}"/>
            </a:ext>
          </a:extLst>
        </xdr:cNvPr>
        <xdr:cNvPicPr>
          <a:picLocks noChangeAspect="1"/>
        </xdr:cNvPicPr>
      </xdr:nvPicPr>
      <xdr:blipFill>
        <a:blip xmlns:r="http://schemas.openxmlformats.org/officeDocument/2006/relationships" r:embed="rId32" cstate="email">
          <a:extLst>
            <a:ext uri="{28A0092B-C50C-407E-A947-70E740481C1C}">
              <a14:useLocalDpi xmlns:a14="http://schemas.microsoft.com/office/drawing/2010/main" xmlns=""/>
            </a:ext>
          </a:extLst>
        </a:blip>
        <a:srcRect/>
        <a:stretch>
          <a:fillRect/>
        </a:stretch>
      </xdr:blipFill>
      <xdr:spPr>
        <a:xfrm>
          <a:off x="2378426" y="25836752"/>
          <a:ext cx="204071" cy="342344"/>
        </a:xfrm>
        <a:prstGeom prst="rect">
          <a:avLst/>
        </a:prstGeom>
        <a:noFill/>
        <a:ln w="9525">
          <a:noFill/>
          <a:miter lim="800000"/>
          <a:headEnd/>
          <a:tailEnd/>
        </a:ln>
      </xdr:spPr>
    </xdr:pic>
    <xdr:clientData/>
  </xdr:twoCellAnchor>
  <xdr:oneCellAnchor>
    <xdr:from>
      <xdr:col>2</xdr:col>
      <xdr:colOff>451555</xdr:colOff>
      <xdr:row>57</xdr:row>
      <xdr:rowOff>42333</xdr:rowOff>
    </xdr:from>
    <xdr:ext cx="227407" cy="504743"/>
    <xdr:pic>
      <xdr:nvPicPr>
        <xdr:cNvPr id="34" name="图片 28">
          <a:extLst>
            <a:ext uri="{FF2B5EF4-FFF2-40B4-BE49-F238E27FC236}">
              <a16:creationId xmlns="" xmlns:a16="http://schemas.microsoft.com/office/drawing/2014/main" id="{1406E00C-CBAC-4014-8B93-E2A652692C41}"/>
            </a:ext>
          </a:extLst>
        </xdr:cNvPr>
        <xdr:cNvPicPr/>
      </xdr:nvPicPr>
      <xdr:blipFill>
        <a:blip xmlns:r="http://schemas.openxmlformats.org/officeDocument/2006/relationships" r:embed="rId33" cstate="email">
          <a:extLst>
            <a:ext uri="{28A0092B-C50C-407E-A947-70E740481C1C}">
              <a14:useLocalDpi xmlns:a14="http://schemas.microsoft.com/office/drawing/2010/main" xmlns=""/>
            </a:ext>
          </a:extLst>
        </a:blip>
        <a:srcRect/>
        <a:stretch>
          <a:fillRect/>
        </a:stretch>
      </xdr:blipFill>
      <xdr:spPr>
        <a:xfrm>
          <a:off x="2286705" y="26267833"/>
          <a:ext cx="227407" cy="504743"/>
        </a:xfrm>
        <a:prstGeom prst="rect">
          <a:avLst/>
        </a:prstGeom>
        <a:noFill/>
        <a:ln w="9525">
          <a:noFill/>
          <a:miter lim="800000"/>
          <a:headEnd/>
          <a:tailEnd/>
        </a:ln>
      </xdr:spPr>
    </xdr:pic>
    <xdr:clientData/>
  </xdr:oneCellAnchor>
  <xdr:oneCellAnchor>
    <xdr:from>
      <xdr:col>2</xdr:col>
      <xdr:colOff>508000</xdr:colOff>
      <xdr:row>62</xdr:row>
      <xdr:rowOff>58615</xdr:rowOff>
    </xdr:from>
    <xdr:ext cx="278837" cy="381971"/>
    <xdr:pic>
      <xdr:nvPicPr>
        <xdr:cNvPr id="35" name="图片 50">
          <a:extLst>
            <a:ext uri="{FF2B5EF4-FFF2-40B4-BE49-F238E27FC236}">
              <a16:creationId xmlns="" xmlns:a16="http://schemas.microsoft.com/office/drawing/2014/main" id="{FEE7D2CE-EF54-4FD4-970A-D7630CC7E9ED}"/>
            </a:ext>
          </a:extLst>
        </xdr:cNvPr>
        <xdr:cNvPicPr/>
      </xdr:nvPicPr>
      <xdr:blipFill>
        <a:blip xmlns:r="http://schemas.openxmlformats.org/officeDocument/2006/relationships" r:embed="rId34" cstate="screen">
          <a:extLst>
            <a:ext uri="{28A0092B-C50C-407E-A947-70E740481C1C}">
              <a14:useLocalDpi xmlns:a14="http://schemas.microsoft.com/office/drawing/2010/main" xmlns=""/>
            </a:ext>
          </a:extLst>
        </a:blip>
        <a:srcRect/>
        <a:stretch>
          <a:fillRect/>
        </a:stretch>
      </xdr:blipFill>
      <xdr:spPr>
        <a:xfrm>
          <a:off x="2343150" y="28665365"/>
          <a:ext cx="278837" cy="381971"/>
        </a:xfrm>
        <a:prstGeom prst="rect">
          <a:avLst/>
        </a:prstGeom>
        <a:noFill/>
        <a:ln w="9525">
          <a:noFill/>
          <a:miter lim="800000"/>
          <a:headEnd/>
          <a:tailEnd/>
        </a:ln>
      </xdr:spPr>
    </xdr:pic>
    <xdr:clientData/>
  </xdr:oneCellAnchor>
  <xdr:twoCellAnchor editAs="oneCell">
    <xdr:from>
      <xdr:col>2</xdr:col>
      <xdr:colOff>345722</xdr:colOff>
      <xdr:row>59</xdr:row>
      <xdr:rowOff>70557</xdr:rowOff>
    </xdr:from>
    <xdr:to>
      <xdr:col>2</xdr:col>
      <xdr:colOff>908539</xdr:colOff>
      <xdr:row>59</xdr:row>
      <xdr:rowOff>366346</xdr:rowOff>
    </xdr:to>
    <xdr:pic>
      <xdr:nvPicPr>
        <xdr:cNvPr id="36" name="图片 35">
          <a:extLst>
            <a:ext uri="{FF2B5EF4-FFF2-40B4-BE49-F238E27FC236}">
              <a16:creationId xmlns="" xmlns:a16="http://schemas.microsoft.com/office/drawing/2014/main" id="{11862344-2C61-49AD-B2C4-BB6D347A3619}"/>
            </a:ext>
          </a:extLst>
        </xdr:cNvPr>
        <xdr:cNvPicPr/>
      </xdr:nvPicPr>
      <xdr:blipFill>
        <a:blip xmlns:r="http://schemas.openxmlformats.org/officeDocument/2006/relationships" r:embed="rId35" cstate="email">
          <a:extLst>
            <a:ext uri="{28A0092B-C50C-407E-A947-70E740481C1C}">
              <a14:useLocalDpi xmlns:a14="http://schemas.microsoft.com/office/drawing/2010/main" xmlns=""/>
            </a:ext>
          </a:extLst>
        </a:blip>
        <a:srcRect/>
        <a:stretch>
          <a:fillRect/>
        </a:stretch>
      </xdr:blipFill>
      <xdr:spPr>
        <a:xfrm>
          <a:off x="2180872" y="27248557"/>
          <a:ext cx="562817" cy="295789"/>
        </a:xfrm>
        <a:prstGeom prst="rect">
          <a:avLst/>
        </a:prstGeom>
        <a:noFill/>
        <a:ln w="9525">
          <a:noFill/>
          <a:miter lim="800000"/>
          <a:headEnd/>
          <a:tailEnd/>
        </a:ln>
      </xdr:spPr>
    </xdr:pic>
    <xdr:clientData/>
  </xdr:twoCellAnchor>
  <xdr:twoCellAnchor editAs="oneCell">
    <xdr:from>
      <xdr:col>2</xdr:col>
      <xdr:colOff>275167</xdr:colOff>
      <xdr:row>60</xdr:row>
      <xdr:rowOff>28222</xdr:rowOff>
    </xdr:from>
    <xdr:to>
      <xdr:col>2</xdr:col>
      <xdr:colOff>805962</xdr:colOff>
      <xdr:row>60</xdr:row>
      <xdr:rowOff>415193</xdr:rowOff>
    </xdr:to>
    <xdr:pic>
      <xdr:nvPicPr>
        <xdr:cNvPr id="37" name="图片 39">
          <a:extLst>
            <a:ext uri="{FF2B5EF4-FFF2-40B4-BE49-F238E27FC236}">
              <a16:creationId xmlns="" xmlns:a16="http://schemas.microsoft.com/office/drawing/2014/main" id="{0B8C21FD-9CF2-411C-BA32-7A1303A398AB}"/>
            </a:ext>
          </a:extLst>
        </xdr:cNvPr>
        <xdr:cNvPicPr/>
      </xdr:nvPicPr>
      <xdr:blipFill>
        <a:blip xmlns:r="http://schemas.openxmlformats.org/officeDocument/2006/relationships" r:embed="rId36" cstate="email">
          <a:extLst>
            <a:ext uri="{28A0092B-C50C-407E-A947-70E740481C1C}">
              <a14:useLocalDpi xmlns:a14="http://schemas.microsoft.com/office/drawing/2010/main" xmlns=""/>
            </a:ext>
          </a:extLst>
        </a:blip>
        <a:srcRect/>
        <a:stretch>
          <a:fillRect/>
        </a:stretch>
      </xdr:blipFill>
      <xdr:spPr>
        <a:xfrm>
          <a:off x="2110317" y="27682472"/>
          <a:ext cx="530795" cy="386971"/>
        </a:xfrm>
        <a:prstGeom prst="rect">
          <a:avLst/>
        </a:prstGeom>
        <a:noFill/>
        <a:ln w="9525">
          <a:noFill/>
          <a:miter lim="800000"/>
          <a:headEnd/>
          <a:tailEnd/>
        </a:ln>
      </xdr:spPr>
    </xdr:pic>
    <xdr:clientData/>
  </xdr:twoCellAnchor>
  <xdr:twoCellAnchor editAs="oneCell">
    <xdr:from>
      <xdr:col>2</xdr:col>
      <xdr:colOff>498773</xdr:colOff>
      <xdr:row>61</xdr:row>
      <xdr:rowOff>68929</xdr:rowOff>
    </xdr:from>
    <xdr:to>
      <xdr:col>2</xdr:col>
      <xdr:colOff>708270</xdr:colOff>
      <xdr:row>61</xdr:row>
      <xdr:rowOff>449385</xdr:rowOff>
    </xdr:to>
    <xdr:pic>
      <xdr:nvPicPr>
        <xdr:cNvPr id="38" name="图片 109">
          <a:extLst>
            <a:ext uri="{FF2B5EF4-FFF2-40B4-BE49-F238E27FC236}">
              <a16:creationId xmlns="" xmlns:a16="http://schemas.microsoft.com/office/drawing/2014/main" id="{2AA64DA4-69D4-4C59-9A0D-B598D4490F07}"/>
            </a:ext>
          </a:extLst>
        </xdr:cNvPr>
        <xdr:cNvPicPr/>
      </xdr:nvPicPr>
      <xdr:blipFill>
        <a:blip xmlns:r="http://schemas.openxmlformats.org/officeDocument/2006/relationships" r:embed="rId37" cstate="email">
          <a:extLst>
            <a:ext uri="{28A0092B-C50C-407E-A947-70E740481C1C}">
              <a14:useLocalDpi xmlns:a14="http://schemas.microsoft.com/office/drawing/2010/main" xmlns=""/>
            </a:ext>
          </a:extLst>
        </a:blip>
        <a:srcRect/>
        <a:stretch>
          <a:fillRect/>
        </a:stretch>
      </xdr:blipFill>
      <xdr:spPr>
        <a:xfrm>
          <a:off x="2333923" y="28199429"/>
          <a:ext cx="209497" cy="380456"/>
        </a:xfrm>
        <a:prstGeom prst="rect">
          <a:avLst/>
        </a:prstGeom>
        <a:noFill/>
        <a:ln w="9525">
          <a:noFill/>
          <a:miter lim="800000"/>
          <a:headEnd/>
          <a:tailEnd/>
        </a:ln>
      </xdr:spPr>
    </xdr:pic>
    <xdr:clientData/>
  </xdr:twoCellAnchor>
  <xdr:twoCellAnchor editAs="oneCell">
    <xdr:from>
      <xdr:col>2</xdr:col>
      <xdr:colOff>516140</xdr:colOff>
      <xdr:row>62</xdr:row>
      <xdr:rowOff>471094</xdr:rowOff>
    </xdr:from>
    <xdr:to>
      <xdr:col>2</xdr:col>
      <xdr:colOff>908539</xdr:colOff>
      <xdr:row>63</xdr:row>
      <xdr:rowOff>439616</xdr:rowOff>
    </xdr:to>
    <xdr:pic>
      <xdr:nvPicPr>
        <xdr:cNvPr id="39" name="图片 15">
          <a:extLst>
            <a:ext uri="{FF2B5EF4-FFF2-40B4-BE49-F238E27FC236}">
              <a16:creationId xmlns="" xmlns:a16="http://schemas.microsoft.com/office/drawing/2014/main" id="{1C7AB3BB-4230-4993-B08E-90D278BDE1C9}"/>
            </a:ext>
          </a:extLst>
        </xdr:cNvPr>
        <xdr:cNvPicPr/>
      </xdr:nvPicPr>
      <xdr:blipFill>
        <a:blip xmlns:r="http://schemas.openxmlformats.org/officeDocument/2006/relationships" r:embed="rId38" cstate="email">
          <a:extLst>
            <a:ext uri="{28A0092B-C50C-407E-A947-70E740481C1C}">
              <a14:useLocalDpi xmlns:a14="http://schemas.microsoft.com/office/drawing/2010/main" xmlns=""/>
            </a:ext>
          </a:extLst>
        </a:blip>
        <a:srcRect/>
        <a:stretch>
          <a:fillRect/>
        </a:stretch>
      </xdr:blipFill>
      <xdr:spPr>
        <a:xfrm>
          <a:off x="2351290" y="29077844"/>
          <a:ext cx="392399" cy="444772"/>
        </a:xfrm>
        <a:prstGeom prst="rect">
          <a:avLst/>
        </a:prstGeom>
        <a:noFill/>
        <a:ln w="9525">
          <a:noFill/>
          <a:miter lim="800000"/>
          <a:headEnd/>
          <a:tailEnd/>
        </a:ln>
      </xdr:spPr>
    </xdr:pic>
    <xdr:clientData/>
  </xdr:twoCellAnchor>
  <xdr:twoCellAnchor editAs="oneCell">
    <xdr:from>
      <xdr:col>2</xdr:col>
      <xdr:colOff>258884</xdr:colOff>
      <xdr:row>67</xdr:row>
      <xdr:rowOff>61328</xdr:rowOff>
    </xdr:from>
    <xdr:to>
      <xdr:col>2</xdr:col>
      <xdr:colOff>923193</xdr:colOff>
      <xdr:row>67</xdr:row>
      <xdr:rowOff>465646</xdr:rowOff>
    </xdr:to>
    <xdr:pic>
      <xdr:nvPicPr>
        <xdr:cNvPr id="40" name="图片 93" descr="C:\Users\y00481\Desktop\图片文档\TR-WM04-IN 4寸半球壁装支架.png">
          <a:extLst>
            <a:ext uri="{FF2B5EF4-FFF2-40B4-BE49-F238E27FC236}">
              <a16:creationId xmlns="" xmlns:a16="http://schemas.microsoft.com/office/drawing/2014/main" id="{541EF798-FD00-4523-A793-C5A03BB967AA}"/>
            </a:ext>
          </a:extLst>
        </xdr:cNvPr>
        <xdr:cNvPicPr>
          <a:picLocks noChangeAspect="1"/>
        </xdr:cNvPicPr>
      </xdr:nvPicPr>
      <xdr:blipFill>
        <a:blip xmlns:r="http://schemas.openxmlformats.org/officeDocument/2006/relationships" r:embed="rId39" cstate="email">
          <a:extLst>
            <a:ext uri="{28A0092B-C50C-407E-A947-70E740481C1C}">
              <a14:useLocalDpi xmlns:a14="http://schemas.microsoft.com/office/drawing/2010/main" xmlns=""/>
            </a:ext>
          </a:extLst>
        </a:blip>
        <a:srcRect/>
        <a:stretch>
          <a:fillRect/>
        </a:stretch>
      </xdr:blipFill>
      <xdr:spPr>
        <a:xfrm>
          <a:off x="2094034" y="31049328"/>
          <a:ext cx="664309" cy="404318"/>
        </a:xfrm>
        <a:prstGeom prst="rect">
          <a:avLst/>
        </a:prstGeom>
        <a:noFill/>
        <a:ln w="9525">
          <a:noFill/>
          <a:miter lim="800000"/>
          <a:headEnd/>
          <a:tailEnd/>
        </a:ln>
      </xdr:spPr>
    </xdr:pic>
    <xdr:clientData/>
  </xdr:twoCellAnchor>
  <xdr:twoCellAnchor editAs="oneCell">
    <xdr:from>
      <xdr:col>2</xdr:col>
      <xdr:colOff>372316</xdr:colOff>
      <xdr:row>68</xdr:row>
      <xdr:rowOff>56988</xdr:rowOff>
    </xdr:from>
    <xdr:to>
      <xdr:col>2</xdr:col>
      <xdr:colOff>1020885</xdr:colOff>
      <xdr:row>68</xdr:row>
      <xdr:rowOff>341009</xdr:rowOff>
    </xdr:to>
    <xdr:pic>
      <xdr:nvPicPr>
        <xdr:cNvPr id="41" name="图片 88">
          <a:extLst>
            <a:ext uri="{FF2B5EF4-FFF2-40B4-BE49-F238E27FC236}">
              <a16:creationId xmlns="" xmlns:a16="http://schemas.microsoft.com/office/drawing/2014/main" id="{65F1B906-21FA-46E7-A2F8-E142DAB0E85B}"/>
            </a:ext>
          </a:extLst>
        </xdr:cNvPr>
        <xdr:cNvPicPr>
          <a:picLocks noChangeAspect="1"/>
        </xdr:cNvPicPr>
      </xdr:nvPicPr>
      <xdr:blipFill>
        <a:blip xmlns:r="http://schemas.openxmlformats.org/officeDocument/2006/relationships" r:embed="rId40" cstate="email">
          <a:extLst>
            <a:ext uri="{28A0092B-C50C-407E-A947-70E740481C1C}">
              <a14:useLocalDpi xmlns:a14="http://schemas.microsoft.com/office/drawing/2010/main" xmlns=""/>
            </a:ext>
          </a:extLst>
        </a:blip>
        <a:srcRect/>
        <a:stretch>
          <a:fillRect/>
        </a:stretch>
      </xdr:blipFill>
      <xdr:spPr>
        <a:xfrm>
          <a:off x="2207466" y="31521238"/>
          <a:ext cx="648569" cy="284021"/>
        </a:xfrm>
        <a:prstGeom prst="rect">
          <a:avLst/>
        </a:prstGeom>
        <a:noFill/>
        <a:ln w="9525">
          <a:noFill/>
          <a:miter lim="800000"/>
          <a:headEnd/>
          <a:tailEnd/>
        </a:ln>
      </xdr:spPr>
    </xdr:pic>
    <xdr:clientData/>
  </xdr:twoCellAnchor>
  <xdr:oneCellAnchor>
    <xdr:from>
      <xdr:col>2</xdr:col>
      <xdr:colOff>540021</xdr:colOff>
      <xdr:row>84</xdr:row>
      <xdr:rowOff>21709</xdr:rowOff>
    </xdr:from>
    <xdr:ext cx="296195" cy="378829"/>
    <xdr:pic>
      <xdr:nvPicPr>
        <xdr:cNvPr id="42" name="图片 57" descr="134345546">
          <a:extLst>
            <a:ext uri="{FF2B5EF4-FFF2-40B4-BE49-F238E27FC236}">
              <a16:creationId xmlns="" xmlns:a16="http://schemas.microsoft.com/office/drawing/2014/main" id="{D58C87E9-74A7-4E1E-A317-0E31ED0F2870}"/>
            </a:ext>
          </a:extLst>
        </xdr:cNvPr>
        <xdr:cNvPicPr>
          <a:picLocks noChangeAspect="1"/>
        </xdr:cNvPicPr>
      </xdr:nvPicPr>
      <xdr:blipFill>
        <a:blip xmlns:r="http://schemas.openxmlformats.org/officeDocument/2006/relationships" r:embed="rId41" cstate="email">
          <a:extLst>
            <a:ext uri="{28A0092B-C50C-407E-A947-70E740481C1C}">
              <a14:useLocalDpi xmlns:a14="http://schemas.microsoft.com/office/drawing/2010/main" xmlns=""/>
            </a:ext>
          </a:extLst>
        </a:blip>
        <a:stretch>
          <a:fillRect/>
        </a:stretch>
      </xdr:blipFill>
      <xdr:spPr>
        <a:xfrm>
          <a:off x="2375171" y="39296459"/>
          <a:ext cx="296195" cy="378829"/>
        </a:xfrm>
        <a:prstGeom prst="rect">
          <a:avLst/>
        </a:prstGeom>
      </xdr:spPr>
    </xdr:pic>
    <xdr:clientData/>
  </xdr:oneCellAnchor>
  <xdr:twoCellAnchor editAs="oneCell">
    <xdr:from>
      <xdr:col>2</xdr:col>
      <xdr:colOff>303389</xdr:colOff>
      <xdr:row>24</xdr:row>
      <xdr:rowOff>82143</xdr:rowOff>
    </xdr:from>
    <xdr:to>
      <xdr:col>2</xdr:col>
      <xdr:colOff>835270</xdr:colOff>
      <xdr:row>24</xdr:row>
      <xdr:rowOff>399723</xdr:rowOff>
    </xdr:to>
    <xdr:pic>
      <xdr:nvPicPr>
        <xdr:cNvPr id="43" name="Picture 42">
          <a:extLst>
            <a:ext uri="{FF2B5EF4-FFF2-40B4-BE49-F238E27FC236}">
              <a16:creationId xmlns="" xmlns:a16="http://schemas.microsoft.com/office/drawing/2014/main" id="{F2F01FFE-B71A-4E5F-BCD5-0B15D080B014}"/>
            </a:ext>
          </a:extLst>
        </xdr:cNvPr>
        <xdr:cNvPicPr>
          <a:picLocks noChangeAspect="1" noChangeArrowheads="1"/>
        </xdr:cNvPicPr>
      </xdr:nvPicPr>
      <xdr:blipFill>
        <a:blip xmlns:r="http://schemas.openxmlformats.org/officeDocument/2006/relationships" r:embed="rId42" cstate="email">
          <a:extLst>
            <a:ext uri="{28A0092B-C50C-407E-A947-70E740481C1C}">
              <a14:useLocalDpi xmlns:a14="http://schemas.microsoft.com/office/drawing/2010/main" xmlns=""/>
            </a:ext>
          </a:extLst>
        </a:blip>
        <a:srcRect/>
        <a:stretch>
          <a:fillRect/>
        </a:stretch>
      </xdr:blipFill>
      <xdr:spPr bwMode="auto">
        <a:xfrm>
          <a:off x="2138539" y="10591393"/>
          <a:ext cx="531881" cy="31758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261056</xdr:colOff>
      <xdr:row>34</xdr:row>
      <xdr:rowOff>63501</xdr:rowOff>
    </xdr:from>
    <xdr:to>
      <xdr:col>2</xdr:col>
      <xdr:colOff>908540</xdr:colOff>
      <xdr:row>34</xdr:row>
      <xdr:rowOff>428021</xdr:rowOff>
    </xdr:to>
    <xdr:pic>
      <xdr:nvPicPr>
        <xdr:cNvPr id="44" name="Picture 43">
          <a:extLst>
            <a:ext uri="{FF2B5EF4-FFF2-40B4-BE49-F238E27FC236}">
              <a16:creationId xmlns="" xmlns:a16="http://schemas.microsoft.com/office/drawing/2014/main" id="{3B8D88EF-1718-4F06-BD6B-869C03B4F0E0}"/>
            </a:ext>
          </a:extLst>
        </xdr:cNvPr>
        <xdr:cNvPicPr>
          <a:picLocks noChangeAspect="1" noChangeArrowheads="1"/>
        </xdr:cNvPicPr>
      </xdr:nvPicPr>
      <xdr:blipFill>
        <a:blip xmlns:r="http://schemas.openxmlformats.org/officeDocument/2006/relationships" r:embed="rId43" cstate="email">
          <a:extLst>
            <a:ext uri="{28A0092B-C50C-407E-A947-70E740481C1C}">
              <a14:useLocalDpi xmlns:a14="http://schemas.microsoft.com/office/drawing/2010/main" xmlns=""/>
            </a:ext>
          </a:extLst>
        </a:blip>
        <a:srcRect/>
        <a:stretch>
          <a:fillRect/>
        </a:stretch>
      </xdr:blipFill>
      <xdr:spPr bwMode="auto">
        <a:xfrm>
          <a:off x="2096206" y="15335251"/>
          <a:ext cx="647484" cy="36452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254000</xdr:colOff>
      <xdr:row>38</xdr:row>
      <xdr:rowOff>26238</xdr:rowOff>
    </xdr:from>
    <xdr:to>
      <xdr:col>2</xdr:col>
      <xdr:colOff>928077</xdr:colOff>
      <xdr:row>38</xdr:row>
      <xdr:rowOff>423421</xdr:rowOff>
    </xdr:to>
    <xdr:pic>
      <xdr:nvPicPr>
        <xdr:cNvPr id="45" name="Picture 44">
          <a:extLst>
            <a:ext uri="{FF2B5EF4-FFF2-40B4-BE49-F238E27FC236}">
              <a16:creationId xmlns="" xmlns:a16="http://schemas.microsoft.com/office/drawing/2014/main" id="{F8A051C3-4E14-42BD-9EDA-A7D6896D5DAE}"/>
            </a:ext>
          </a:extLst>
        </xdr:cNvPr>
        <xdr:cNvPicPr>
          <a:picLocks noChangeAspect="1" noChangeArrowheads="1"/>
        </xdr:cNvPicPr>
      </xdr:nvPicPr>
      <xdr:blipFill>
        <a:blip xmlns:r="http://schemas.openxmlformats.org/officeDocument/2006/relationships" r:embed="rId44" cstate="email">
          <a:extLst>
            <a:ext uri="{28A0092B-C50C-407E-A947-70E740481C1C}">
              <a14:useLocalDpi xmlns:a14="http://schemas.microsoft.com/office/drawing/2010/main" xmlns=""/>
            </a:ext>
          </a:extLst>
        </a:blip>
        <a:srcRect/>
        <a:stretch>
          <a:fillRect/>
        </a:stretch>
      </xdr:blipFill>
      <xdr:spPr bwMode="auto">
        <a:xfrm>
          <a:off x="2089150" y="17202988"/>
          <a:ext cx="674077" cy="397183"/>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29441</xdr:colOff>
      <xdr:row>77</xdr:row>
      <xdr:rowOff>56985</xdr:rowOff>
    </xdr:from>
    <xdr:to>
      <xdr:col>2</xdr:col>
      <xdr:colOff>1013565</xdr:colOff>
      <xdr:row>77</xdr:row>
      <xdr:rowOff>434730</xdr:rowOff>
    </xdr:to>
    <xdr:pic>
      <xdr:nvPicPr>
        <xdr:cNvPr id="46" name="Picture 45">
          <a:extLst>
            <a:ext uri="{FF2B5EF4-FFF2-40B4-BE49-F238E27FC236}">
              <a16:creationId xmlns="" xmlns:a16="http://schemas.microsoft.com/office/drawing/2014/main" id="{9187B4B7-87D0-4980-9B63-25E77F4BB62F}"/>
            </a:ext>
          </a:extLst>
        </xdr:cNvPr>
        <xdr:cNvPicPr>
          <a:picLocks noChangeAspect="1" noChangeArrowheads="1"/>
        </xdr:cNvPicPr>
      </xdr:nvPicPr>
      <xdr:blipFill>
        <a:blip xmlns:r="http://schemas.openxmlformats.org/officeDocument/2006/relationships" r:embed="rId45" cstate="email">
          <a:extLst>
            <a:ext uri="{28A0092B-C50C-407E-A947-70E740481C1C}">
              <a14:useLocalDpi xmlns:a14="http://schemas.microsoft.com/office/drawing/2010/main" xmlns=""/>
            </a:ext>
          </a:extLst>
        </a:blip>
        <a:srcRect/>
        <a:stretch>
          <a:fillRect/>
        </a:stretch>
      </xdr:blipFill>
      <xdr:spPr bwMode="auto">
        <a:xfrm>
          <a:off x="2164591" y="35807485"/>
          <a:ext cx="684124" cy="37774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291447</xdr:colOff>
      <xdr:row>76</xdr:row>
      <xdr:rowOff>79780</xdr:rowOff>
    </xdr:from>
    <xdr:to>
      <xdr:col>2</xdr:col>
      <xdr:colOff>996463</xdr:colOff>
      <xdr:row>76</xdr:row>
      <xdr:rowOff>441899</xdr:rowOff>
    </xdr:to>
    <xdr:pic>
      <xdr:nvPicPr>
        <xdr:cNvPr id="47" name="Picture 46">
          <a:extLst>
            <a:ext uri="{FF2B5EF4-FFF2-40B4-BE49-F238E27FC236}">
              <a16:creationId xmlns="" xmlns:a16="http://schemas.microsoft.com/office/drawing/2014/main" id="{70AE91A3-EA98-4C4C-A19C-53C3B07EB983}"/>
            </a:ext>
          </a:extLst>
        </xdr:cNvPr>
        <xdr:cNvPicPr>
          <a:picLocks noChangeAspect="1" noChangeArrowheads="1"/>
        </xdr:cNvPicPr>
      </xdr:nvPicPr>
      <xdr:blipFill>
        <a:blip xmlns:r="http://schemas.openxmlformats.org/officeDocument/2006/relationships" r:embed="rId46" cstate="email">
          <a:extLst>
            <a:ext uri="{28A0092B-C50C-407E-A947-70E740481C1C}">
              <a14:useLocalDpi xmlns:a14="http://schemas.microsoft.com/office/drawing/2010/main" xmlns=""/>
            </a:ext>
          </a:extLst>
        </a:blip>
        <a:srcRect/>
        <a:stretch>
          <a:fillRect/>
        </a:stretch>
      </xdr:blipFill>
      <xdr:spPr bwMode="auto">
        <a:xfrm>
          <a:off x="2126597" y="35354030"/>
          <a:ext cx="705016" cy="362119"/>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33925</xdr:colOff>
      <xdr:row>35</xdr:row>
      <xdr:rowOff>83038</xdr:rowOff>
    </xdr:from>
    <xdr:to>
      <xdr:col>2</xdr:col>
      <xdr:colOff>1055077</xdr:colOff>
      <xdr:row>35</xdr:row>
      <xdr:rowOff>395197</xdr:rowOff>
    </xdr:to>
    <xdr:pic>
      <xdr:nvPicPr>
        <xdr:cNvPr id="48" name="Picture 47">
          <a:extLst>
            <a:ext uri="{FF2B5EF4-FFF2-40B4-BE49-F238E27FC236}">
              <a16:creationId xmlns="" xmlns:a16="http://schemas.microsoft.com/office/drawing/2014/main" id="{B139D198-3409-4DEA-8631-53A4E7D87470}"/>
            </a:ext>
          </a:extLst>
        </xdr:cNvPr>
        <xdr:cNvPicPr>
          <a:picLocks noChangeAspect="1" noChangeArrowheads="1"/>
        </xdr:cNvPicPr>
      </xdr:nvPicPr>
      <xdr:blipFill>
        <a:blip xmlns:r="http://schemas.openxmlformats.org/officeDocument/2006/relationships" r:embed="rId47" cstate="email">
          <a:extLst>
            <a:ext uri="{28A0092B-C50C-407E-A947-70E740481C1C}">
              <a14:useLocalDpi xmlns:a14="http://schemas.microsoft.com/office/drawing/2010/main" xmlns=""/>
            </a:ext>
          </a:extLst>
        </a:blip>
        <a:srcRect/>
        <a:stretch>
          <a:fillRect/>
        </a:stretch>
      </xdr:blipFill>
      <xdr:spPr bwMode="auto">
        <a:xfrm>
          <a:off x="2169075" y="15831038"/>
          <a:ext cx="721152" cy="312159"/>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66888</xdr:colOff>
      <xdr:row>36</xdr:row>
      <xdr:rowOff>35277</xdr:rowOff>
    </xdr:from>
    <xdr:to>
      <xdr:col>2</xdr:col>
      <xdr:colOff>908539</xdr:colOff>
      <xdr:row>36</xdr:row>
      <xdr:rowOff>392800</xdr:rowOff>
    </xdr:to>
    <xdr:pic>
      <xdr:nvPicPr>
        <xdr:cNvPr id="49" name="Picture 48">
          <a:extLst>
            <a:ext uri="{FF2B5EF4-FFF2-40B4-BE49-F238E27FC236}">
              <a16:creationId xmlns="" xmlns:a16="http://schemas.microsoft.com/office/drawing/2014/main" id="{38FCC043-A84F-4787-B93F-577470A1633A}"/>
            </a:ext>
          </a:extLst>
        </xdr:cNvPr>
        <xdr:cNvPicPr>
          <a:picLocks noChangeAspect="1" noChangeArrowheads="1"/>
        </xdr:cNvPicPr>
      </xdr:nvPicPr>
      <xdr:blipFill>
        <a:blip xmlns:r="http://schemas.openxmlformats.org/officeDocument/2006/relationships" r:embed="rId48" cstate="email">
          <a:extLst>
            <a:ext uri="{28A0092B-C50C-407E-A947-70E740481C1C}">
              <a14:useLocalDpi xmlns:a14="http://schemas.microsoft.com/office/drawing/2010/main" xmlns=""/>
            </a:ext>
          </a:extLst>
        </a:blip>
        <a:srcRect/>
        <a:stretch>
          <a:fillRect/>
        </a:stretch>
      </xdr:blipFill>
      <xdr:spPr bwMode="auto">
        <a:xfrm>
          <a:off x="2202038" y="16259527"/>
          <a:ext cx="541651" cy="357523"/>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92941</xdr:colOff>
      <xdr:row>39</xdr:row>
      <xdr:rowOff>48821</xdr:rowOff>
    </xdr:from>
    <xdr:to>
      <xdr:col>2</xdr:col>
      <xdr:colOff>989605</xdr:colOff>
      <xdr:row>39</xdr:row>
      <xdr:rowOff>439615</xdr:rowOff>
    </xdr:to>
    <xdr:pic>
      <xdr:nvPicPr>
        <xdr:cNvPr id="50" name="Picture 49">
          <a:extLst>
            <a:ext uri="{FF2B5EF4-FFF2-40B4-BE49-F238E27FC236}">
              <a16:creationId xmlns="" xmlns:a16="http://schemas.microsoft.com/office/drawing/2014/main" id="{023BB575-A4ED-4299-B2C5-928F44583A95}"/>
            </a:ext>
          </a:extLst>
        </xdr:cNvPr>
        <xdr:cNvPicPr>
          <a:picLocks noChangeAspect="1" noChangeArrowheads="1"/>
        </xdr:cNvPicPr>
      </xdr:nvPicPr>
      <xdr:blipFill>
        <a:blip xmlns:r="http://schemas.openxmlformats.org/officeDocument/2006/relationships" r:embed="rId49" cstate="email">
          <a:extLst>
            <a:ext uri="{28A0092B-C50C-407E-A947-70E740481C1C}">
              <a14:useLocalDpi xmlns:a14="http://schemas.microsoft.com/office/drawing/2010/main" xmlns=""/>
            </a:ext>
          </a:extLst>
        </a:blip>
        <a:srcRect/>
        <a:stretch>
          <a:fillRect/>
        </a:stretch>
      </xdr:blipFill>
      <xdr:spPr bwMode="auto">
        <a:xfrm>
          <a:off x="2228091" y="17701821"/>
          <a:ext cx="596664" cy="39079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79234</xdr:colOff>
      <xdr:row>40</xdr:row>
      <xdr:rowOff>18996</xdr:rowOff>
    </xdr:from>
    <xdr:to>
      <xdr:col>2</xdr:col>
      <xdr:colOff>991577</xdr:colOff>
      <xdr:row>40</xdr:row>
      <xdr:rowOff>441735</xdr:rowOff>
    </xdr:to>
    <xdr:pic>
      <xdr:nvPicPr>
        <xdr:cNvPr id="51" name="Picture 50">
          <a:extLst>
            <a:ext uri="{FF2B5EF4-FFF2-40B4-BE49-F238E27FC236}">
              <a16:creationId xmlns="" xmlns:a16="http://schemas.microsoft.com/office/drawing/2014/main" id="{8CC27313-F76B-4171-85BE-EE7CB3E57112}"/>
            </a:ext>
          </a:extLst>
        </xdr:cNvPr>
        <xdr:cNvPicPr>
          <a:picLocks noChangeAspect="1" noChangeArrowheads="1"/>
        </xdr:cNvPicPr>
      </xdr:nvPicPr>
      <xdr:blipFill>
        <a:blip xmlns:r="http://schemas.openxmlformats.org/officeDocument/2006/relationships" r:embed="rId50" cstate="email">
          <a:extLst>
            <a:ext uri="{28A0092B-C50C-407E-A947-70E740481C1C}">
              <a14:useLocalDpi xmlns:a14="http://schemas.microsoft.com/office/drawing/2010/main" xmlns=""/>
            </a:ext>
          </a:extLst>
        </a:blip>
        <a:srcRect/>
        <a:stretch>
          <a:fillRect/>
        </a:stretch>
      </xdr:blipFill>
      <xdr:spPr bwMode="auto">
        <a:xfrm>
          <a:off x="2314384" y="18148246"/>
          <a:ext cx="512343" cy="422739"/>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565529</xdr:colOff>
      <xdr:row>41</xdr:row>
      <xdr:rowOff>61329</xdr:rowOff>
    </xdr:from>
    <xdr:to>
      <xdr:col>2</xdr:col>
      <xdr:colOff>815731</xdr:colOff>
      <xdr:row>41</xdr:row>
      <xdr:rowOff>420093</xdr:rowOff>
    </xdr:to>
    <xdr:pic>
      <xdr:nvPicPr>
        <xdr:cNvPr id="52" name="Picture 51">
          <a:extLst>
            <a:ext uri="{FF2B5EF4-FFF2-40B4-BE49-F238E27FC236}">
              <a16:creationId xmlns="" xmlns:a16="http://schemas.microsoft.com/office/drawing/2014/main" id="{F727AFDC-AA65-48CA-8176-D621AC45F7D0}"/>
            </a:ext>
          </a:extLst>
        </xdr:cNvPr>
        <xdr:cNvPicPr>
          <a:picLocks noChangeAspect="1" noChangeArrowheads="1"/>
        </xdr:cNvPicPr>
      </xdr:nvPicPr>
      <xdr:blipFill>
        <a:blip xmlns:r="http://schemas.openxmlformats.org/officeDocument/2006/relationships" r:embed="rId51" cstate="email">
          <a:extLst>
            <a:ext uri="{28A0092B-C50C-407E-A947-70E740481C1C}">
              <a14:useLocalDpi xmlns:a14="http://schemas.microsoft.com/office/drawing/2010/main" xmlns=""/>
            </a:ext>
          </a:extLst>
        </a:blip>
        <a:srcRect/>
        <a:stretch>
          <a:fillRect/>
        </a:stretch>
      </xdr:blipFill>
      <xdr:spPr bwMode="auto">
        <a:xfrm>
          <a:off x="2400679" y="18666829"/>
          <a:ext cx="250202" cy="35876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253999</xdr:colOff>
      <xdr:row>46</xdr:row>
      <xdr:rowOff>49389</xdr:rowOff>
    </xdr:from>
    <xdr:to>
      <xdr:col>2</xdr:col>
      <xdr:colOff>796193</xdr:colOff>
      <xdr:row>46</xdr:row>
      <xdr:rowOff>402573</xdr:rowOff>
    </xdr:to>
    <xdr:pic>
      <xdr:nvPicPr>
        <xdr:cNvPr id="53" name="Picture 52">
          <a:extLst>
            <a:ext uri="{FF2B5EF4-FFF2-40B4-BE49-F238E27FC236}">
              <a16:creationId xmlns="" xmlns:a16="http://schemas.microsoft.com/office/drawing/2014/main" id="{871BCE42-DC4D-4D82-B4B3-BD3573A3E674}"/>
            </a:ext>
          </a:extLst>
        </xdr:cNvPr>
        <xdr:cNvPicPr>
          <a:picLocks noChangeAspect="1" noChangeArrowheads="1"/>
        </xdr:cNvPicPr>
      </xdr:nvPicPr>
      <xdr:blipFill>
        <a:blip xmlns:r="http://schemas.openxmlformats.org/officeDocument/2006/relationships" r:embed="rId52" cstate="email">
          <a:extLst>
            <a:ext uri="{28A0092B-C50C-407E-A947-70E740481C1C}">
              <a14:useLocalDpi xmlns:a14="http://schemas.microsoft.com/office/drawing/2010/main" xmlns=""/>
            </a:ext>
          </a:extLst>
        </a:blip>
        <a:srcRect/>
        <a:stretch>
          <a:fillRect/>
        </a:stretch>
      </xdr:blipFill>
      <xdr:spPr bwMode="auto">
        <a:xfrm>
          <a:off x="2089149" y="21036139"/>
          <a:ext cx="542194" cy="35318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32017</xdr:colOff>
      <xdr:row>58</xdr:row>
      <xdr:rowOff>39619</xdr:rowOff>
    </xdr:from>
    <xdr:to>
      <xdr:col>2</xdr:col>
      <xdr:colOff>942849</xdr:colOff>
      <xdr:row>58</xdr:row>
      <xdr:rowOff>454269</xdr:rowOff>
    </xdr:to>
    <xdr:pic>
      <xdr:nvPicPr>
        <xdr:cNvPr id="54" name="Picture 53">
          <a:extLst>
            <a:ext uri="{FF2B5EF4-FFF2-40B4-BE49-F238E27FC236}">
              <a16:creationId xmlns="" xmlns:a16="http://schemas.microsoft.com/office/drawing/2014/main" id="{FE323397-139F-4E73-8742-A95FA9D5299C}"/>
            </a:ext>
          </a:extLst>
        </xdr:cNvPr>
        <xdr:cNvPicPr>
          <a:picLocks noChangeAspect="1" noChangeArrowheads="1"/>
        </xdr:cNvPicPr>
      </xdr:nvPicPr>
      <xdr:blipFill>
        <a:blip xmlns:r="http://schemas.openxmlformats.org/officeDocument/2006/relationships" r:embed="rId53" cstate="email">
          <a:extLst>
            <a:ext uri="{28A0092B-C50C-407E-A947-70E740481C1C}">
              <a14:useLocalDpi xmlns:a14="http://schemas.microsoft.com/office/drawing/2010/main" xmlns=""/>
            </a:ext>
          </a:extLst>
        </a:blip>
        <a:srcRect/>
        <a:stretch>
          <a:fillRect/>
        </a:stretch>
      </xdr:blipFill>
      <xdr:spPr bwMode="auto">
        <a:xfrm>
          <a:off x="2267167" y="26741369"/>
          <a:ext cx="510832" cy="41465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253999</xdr:colOff>
      <xdr:row>72</xdr:row>
      <xdr:rowOff>42335</xdr:rowOff>
    </xdr:from>
    <xdr:to>
      <xdr:col>2</xdr:col>
      <xdr:colOff>792478</xdr:colOff>
      <xdr:row>72</xdr:row>
      <xdr:rowOff>405423</xdr:rowOff>
    </xdr:to>
    <xdr:pic>
      <xdr:nvPicPr>
        <xdr:cNvPr id="55" name="Picture 54">
          <a:extLst>
            <a:ext uri="{FF2B5EF4-FFF2-40B4-BE49-F238E27FC236}">
              <a16:creationId xmlns="" xmlns:a16="http://schemas.microsoft.com/office/drawing/2014/main" id="{3D8E6AB1-EE27-452E-BE24-3FE04CB932ED}"/>
            </a:ext>
          </a:extLst>
        </xdr:cNvPr>
        <xdr:cNvPicPr>
          <a:picLocks noChangeAspect="1" noChangeArrowheads="1"/>
        </xdr:cNvPicPr>
      </xdr:nvPicPr>
      <xdr:blipFill>
        <a:blip xmlns:r="http://schemas.openxmlformats.org/officeDocument/2006/relationships" r:embed="rId54" cstate="email">
          <a:extLst>
            <a:ext uri="{28A0092B-C50C-407E-A947-70E740481C1C}">
              <a14:useLocalDpi xmlns:a14="http://schemas.microsoft.com/office/drawing/2010/main" xmlns=""/>
            </a:ext>
          </a:extLst>
        </a:blip>
        <a:srcRect/>
        <a:stretch>
          <a:fillRect/>
        </a:stretch>
      </xdr:blipFill>
      <xdr:spPr bwMode="auto">
        <a:xfrm>
          <a:off x="2089149" y="33411585"/>
          <a:ext cx="538479" cy="36308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148167</xdr:colOff>
      <xdr:row>74</xdr:row>
      <xdr:rowOff>35278</xdr:rowOff>
    </xdr:from>
    <xdr:to>
      <xdr:col>2</xdr:col>
      <xdr:colOff>1001889</xdr:colOff>
      <xdr:row>74</xdr:row>
      <xdr:rowOff>474940</xdr:rowOff>
    </xdr:to>
    <xdr:pic>
      <xdr:nvPicPr>
        <xdr:cNvPr id="56" name="Picture 55">
          <a:extLst>
            <a:ext uri="{FF2B5EF4-FFF2-40B4-BE49-F238E27FC236}">
              <a16:creationId xmlns="" xmlns:a16="http://schemas.microsoft.com/office/drawing/2014/main" id="{5E4C1B95-00B5-4107-A0AC-B8D816DCF5AB}"/>
            </a:ext>
          </a:extLst>
        </xdr:cNvPr>
        <xdr:cNvPicPr>
          <a:picLocks noChangeAspect="1" noChangeArrowheads="1"/>
        </xdr:cNvPicPr>
      </xdr:nvPicPr>
      <xdr:blipFill>
        <a:blip xmlns:r="http://schemas.openxmlformats.org/officeDocument/2006/relationships" r:embed="rId55" cstate="email">
          <a:extLst>
            <a:ext uri="{28A0092B-C50C-407E-A947-70E740481C1C}">
              <a14:useLocalDpi xmlns:a14="http://schemas.microsoft.com/office/drawing/2010/main" xmlns=""/>
            </a:ext>
          </a:extLst>
        </a:blip>
        <a:srcRect/>
        <a:stretch>
          <a:fillRect/>
        </a:stretch>
      </xdr:blipFill>
      <xdr:spPr bwMode="auto">
        <a:xfrm>
          <a:off x="1983317" y="34357028"/>
          <a:ext cx="853722" cy="43966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289278</xdr:colOff>
      <xdr:row>75</xdr:row>
      <xdr:rowOff>42334</xdr:rowOff>
    </xdr:from>
    <xdr:to>
      <xdr:col>2</xdr:col>
      <xdr:colOff>894562</xdr:colOff>
      <xdr:row>75</xdr:row>
      <xdr:rowOff>420078</xdr:rowOff>
    </xdr:to>
    <xdr:pic>
      <xdr:nvPicPr>
        <xdr:cNvPr id="57" name="Picture 56">
          <a:extLst>
            <a:ext uri="{FF2B5EF4-FFF2-40B4-BE49-F238E27FC236}">
              <a16:creationId xmlns="" xmlns:a16="http://schemas.microsoft.com/office/drawing/2014/main" id="{E2330312-AEF7-44A4-B961-6159249C636F}"/>
            </a:ext>
          </a:extLst>
        </xdr:cNvPr>
        <xdr:cNvPicPr>
          <a:picLocks noChangeAspect="1" noChangeArrowheads="1"/>
        </xdr:cNvPicPr>
      </xdr:nvPicPr>
      <xdr:blipFill>
        <a:blip xmlns:r="http://schemas.openxmlformats.org/officeDocument/2006/relationships" r:embed="rId56" cstate="email">
          <a:extLst>
            <a:ext uri="{28A0092B-C50C-407E-A947-70E740481C1C}">
              <a14:useLocalDpi xmlns:a14="http://schemas.microsoft.com/office/drawing/2010/main" xmlns=""/>
            </a:ext>
          </a:extLst>
        </a:blip>
        <a:srcRect/>
        <a:stretch>
          <a:fillRect/>
        </a:stretch>
      </xdr:blipFill>
      <xdr:spPr bwMode="auto">
        <a:xfrm>
          <a:off x="2124428" y="34840334"/>
          <a:ext cx="605284" cy="37774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59835</xdr:colOff>
      <xdr:row>78</xdr:row>
      <xdr:rowOff>21168</xdr:rowOff>
    </xdr:from>
    <xdr:to>
      <xdr:col>2</xdr:col>
      <xdr:colOff>919791</xdr:colOff>
      <xdr:row>78</xdr:row>
      <xdr:rowOff>449385</xdr:rowOff>
    </xdr:to>
    <xdr:pic>
      <xdr:nvPicPr>
        <xdr:cNvPr id="58" name="Picture 57">
          <a:extLst>
            <a:ext uri="{FF2B5EF4-FFF2-40B4-BE49-F238E27FC236}">
              <a16:creationId xmlns="" xmlns:a16="http://schemas.microsoft.com/office/drawing/2014/main" id="{AEA8A9B3-FFFA-414C-AFC8-C5FF918E3C83}"/>
            </a:ext>
          </a:extLst>
        </xdr:cNvPr>
        <xdr:cNvPicPr>
          <a:picLocks noChangeAspect="1" noChangeArrowheads="1"/>
        </xdr:cNvPicPr>
      </xdr:nvPicPr>
      <xdr:blipFill>
        <a:blip xmlns:r="http://schemas.openxmlformats.org/officeDocument/2006/relationships" r:embed="rId57" cstate="email">
          <a:extLst>
            <a:ext uri="{28A0092B-C50C-407E-A947-70E740481C1C}">
              <a14:useLocalDpi xmlns:a14="http://schemas.microsoft.com/office/drawing/2010/main" xmlns=""/>
            </a:ext>
          </a:extLst>
        </a:blip>
        <a:srcRect/>
        <a:stretch>
          <a:fillRect/>
        </a:stretch>
      </xdr:blipFill>
      <xdr:spPr bwMode="auto">
        <a:xfrm>
          <a:off x="2194985" y="36247918"/>
          <a:ext cx="559956" cy="428217"/>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21161</xdr:colOff>
      <xdr:row>79</xdr:row>
      <xdr:rowOff>91723</xdr:rowOff>
    </xdr:from>
    <xdr:to>
      <xdr:col>2</xdr:col>
      <xdr:colOff>864908</xdr:colOff>
      <xdr:row>79</xdr:row>
      <xdr:rowOff>478693</xdr:rowOff>
    </xdr:to>
    <xdr:pic>
      <xdr:nvPicPr>
        <xdr:cNvPr id="59" name="Picture 58">
          <a:extLst>
            <a:ext uri="{FF2B5EF4-FFF2-40B4-BE49-F238E27FC236}">
              <a16:creationId xmlns="" xmlns:a16="http://schemas.microsoft.com/office/drawing/2014/main" id="{DE9FFE96-6717-4D0B-96FA-EC22CD93BDD1}"/>
            </a:ext>
          </a:extLst>
        </xdr:cNvPr>
        <xdr:cNvPicPr>
          <a:picLocks noChangeAspect="1" noChangeArrowheads="1"/>
        </xdr:cNvPicPr>
      </xdr:nvPicPr>
      <xdr:blipFill>
        <a:blip xmlns:r="http://schemas.openxmlformats.org/officeDocument/2006/relationships" r:embed="rId58" cstate="email">
          <a:extLst>
            <a:ext uri="{28A0092B-C50C-407E-A947-70E740481C1C}">
              <a14:useLocalDpi xmlns:a14="http://schemas.microsoft.com/office/drawing/2010/main" xmlns=""/>
            </a:ext>
          </a:extLst>
        </a:blip>
        <a:srcRect/>
        <a:stretch>
          <a:fillRect/>
        </a:stretch>
      </xdr:blipFill>
      <xdr:spPr bwMode="auto">
        <a:xfrm>
          <a:off x="2256311" y="36826473"/>
          <a:ext cx="443747" cy="38697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511207</xdr:colOff>
      <xdr:row>80</xdr:row>
      <xdr:rowOff>39770</xdr:rowOff>
    </xdr:from>
    <xdr:to>
      <xdr:col>2</xdr:col>
      <xdr:colOff>711645</xdr:colOff>
      <xdr:row>80</xdr:row>
      <xdr:rowOff>415638</xdr:rowOff>
    </xdr:to>
    <xdr:pic>
      <xdr:nvPicPr>
        <xdr:cNvPr id="60" name="Picture 59">
          <a:extLst>
            <a:ext uri="{FF2B5EF4-FFF2-40B4-BE49-F238E27FC236}">
              <a16:creationId xmlns="" xmlns:a16="http://schemas.microsoft.com/office/drawing/2014/main" id="{3E05CF01-8CE4-4A06-9F27-0A73747A1FC9}"/>
            </a:ext>
          </a:extLst>
        </xdr:cNvPr>
        <xdr:cNvPicPr>
          <a:picLocks noChangeAspect="1" noChangeArrowheads="1"/>
        </xdr:cNvPicPr>
      </xdr:nvPicPr>
      <xdr:blipFill>
        <a:blip xmlns:r="http://schemas.openxmlformats.org/officeDocument/2006/relationships" r:embed="rId59" cstate="email">
          <a:extLst>
            <a:ext uri="{28A0092B-C50C-407E-A947-70E740481C1C}">
              <a14:useLocalDpi xmlns:a14="http://schemas.microsoft.com/office/drawing/2010/main" xmlns=""/>
            </a:ext>
          </a:extLst>
        </a:blip>
        <a:srcRect/>
        <a:stretch>
          <a:fillRect/>
        </a:stretch>
      </xdr:blipFill>
      <xdr:spPr bwMode="auto">
        <a:xfrm>
          <a:off x="2346357" y="37282520"/>
          <a:ext cx="200438" cy="37586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522113</xdr:colOff>
      <xdr:row>81</xdr:row>
      <xdr:rowOff>46726</xdr:rowOff>
    </xdr:from>
    <xdr:to>
      <xdr:col>2</xdr:col>
      <xdr:colOff>658219</xdr:colOff>
      <xdr:row>81</xdr:row>
      <xdr:rowOff>369455</xdr:rowOff>
    </xdr:to>
    <xdr:pic>
      <xdr:nvPicPr>
        <xdr:cNvPr id="61" name="Picture 60">
          <a:extLst>
            <a:ext uri="{FF2B5EF4-FFF2-40B4-BE49-F238E27FC236}">
              <a16:creationId xmlns="" xmlns:a16="http://schemas.microsoft.com/office/drawing/2014/main" id="{FDAA6B4D-7265-4FCF-A8A8-BA87EEFCD6EF}"/>
            </a:ext>
          </a:extLst>
        </xdr:cNvPr>
        <xdr:cNvPicPr>
          <a:picLocks noChangeAspect="1" noChangeArrowheads="1"/>
        </xdr:cNvPicPr>
      </xdr:nvPicPr>
      <xdr:blipFill>
        <a:blip xmlns:r="http://schemas.openxmlformats.org/officeDocument/2006/relationships" r:embed="rId60" cstate="email">
          <a:extLst>
            <a:ext uri="{28A0092B-C50C-407E-A947-70E740481C1C}">
              <a14:useLocalDpi xmlns:a14="http://schemas.microsoft.com/office/drawing/2010/main" xmlns=""/>
            </a:ext>
          </a:extLst>
        </a:blip>
        <a:srcRect/>
        <a:stretch>
          <a:fillRect/>
        </a:stretch>
      </xdr:blipFill>
      <xdr:spPr bwMode="auto">
        <a:xfrm>
          <a:off x="2357263" y="37797476"/>
          <a:ext cx="136106" cy="322729"/>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564444</xdr:colOff>
      <xdr:row>82</xdr:row>
      <xdr:rowOff>77613</xdr:rowOff>
    </xdr:from>
    <xdr:to>
      <xdr:col>2</xdr:col>
      <xdr:colOff>663864</xdr:colOff>
      <xdr:row>83</xdr:row>
      <xdr:rowOff>5916</xdr:rowOff>
    </xdr:to>
    <xdr:pic>
      <xdr:nvPicPr>
        <xdr:cNvPr id="62" name="Picture 61">
          <a:extLst>
            <a:ext uri="{FF2B5EF4-FFF2-40B4-BE49-F238E27FC236}">
              <a16:creationId xmlns="" xmlns:a16="http://schemas.microsoft.com/office/drawing/2014/main" id="{FE0771C5-9E80-4E12-8D05-48ED7175B515}"/>
            </a:ext>
          </a:extLst>
        </xdr:cNvPr>
        <xdr:cNvPicPr>
          <a:picLocks noChangeAspect="1" noChangeArrowheads="1"/>
        </xdr:cNvPicPr>
      </xdr:nvPicPr>
      <xdr:blipFill>
        <a:blip xmlns:r="http://schemas.openxmlformats.org/officeDocument/2006/relationships" r:embed="rId61" cstate="email">
          <a:extLst>
            <a:ext uri="{28A0092B-C50C-407E-A947-70E740481C1C}">
              <a14:useLocalDpi xmlns:a14="http://schemas.microsoft.com/office/drawing/2010/main" xmlns=""/>
            </a:ext>
          </a:extLst>
        </a:blip>
        <a:srcRect/>
        <a:stretch>
          <a:fillRect/>
        </a:stretch>
      </xdr:blipFill>
      <xdr:spPr bwMode="auto">
        <a:xfrm>
          <a:off x="2399594" y="38336363"/>
          <a:ext cx="99420" cy="436303"/>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59833</xdr:colOff>
      <xdr:row>83</xdr:row>
      <xdr:rowOff>65305</xdr:rowOff>
    </xdr:from>
    <xdr:to>
      <xdr:col>2</xdr:col>
      <xdr:colOff>733643</xdr:colOff>
      <xdr:row>83</xdr:row>
      <xdr:rowOff>493347</xdr:rowOff>
    </xdr:to>
    <xdr:pic>
      <xdr:nvPicPr>
        <xdr:cNvPr id="63" name="Picture 62">
          <a:extLst>
            <a:ext uri="{FF2B5EF4-FFF2-40B4-BE49-F238E27FC236}">
              <a16:creationId xmlns="" xmlns:a16="http://schemas.microsoft.com/office/drawing/2014/main" id="{FFD1C761-951D-423A-88A8-60FFFD6B49E4}"/>
            </a:ext>
          </a:extLst>
        </xdr:cNvPr>
        <xdr:cNvPicPr>
          <a:picLocks noChangeAspect="1" noChangeArrowheads="1"/>
        </xdr:cNvPicPr>
      </xdr:nvPicPr>
      <xdr:blipFill>
        <a:blip xmlns:r="http://schemas.openxmlformats.org/officeDocument/2006/relationships" r:embed="rId62" cstate="email">
          <a:extLst>
            <a:ext uri="{28A0092B-C50C-407E-A947-70E740481C1C}">
              <a14:useLocalDpi xmlns:a14="http://schemas.microsoft.com/office/drawing/2010/main" xmlns=""/>
            </a:ext>
          </a:extLst>
        </a:blip>
        <a:srcRect/>
        <a:stretch>
          <a:fillRect/>
        </a:stretch>
      </xdr:blipFill>
      <xdr:spPr bwMode="auto">
        <a:xfrm>
          <a:off x="2194983" y="38832055"/>
          <a:ext cx="373810" cy="42804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180104</xdr:colOff>
      <xdr:row>25</xdr:row>
      <xdr:rowOff>35278</xdr:rowOff>
    </xdr:from>
    <xdr:to>
      <xdr:col>2</xdr:col>
      <xdr:colOff>908539</xdr:colOff>
      <xdr:row>25</xdr:row>
      <xdr:rowOff>389569</xdr:rowOff>
    </xdr:to>
    <xdr:pic>
      <xdr:nvPicPr>
        <xdr:cNvPr id="64" name="Picture 63">
          <a:extLst>
            <a:ext uri="{FF2B5EF4-FFF2-40B4-BE49-F238E27FC236}">
              <a16:creationId xmlns="" xmlns:a16="http://schemas.microsoft.com/office/drawing/2014/main" id="{E6F71E28-B4FE-46B7-B054-BDF9F36E609B}"/>
            </a:ext>
          </a:extLst>
        </xdr:cNvPr>
        <xdr:cNvPicPr>
          <a:picLocks noChangeAspect="1" noChangeArrowheads="1"/>
        </xdr:cNvPicPr>
      </xdr:nvPicPr>
      <xdr:blipFill>
        <a:blip xmlns:r="http://schemas.openxmlformats.org/officeDocument/2006/relationships" r:embed="rId63" cstate="email">
          <a:extLst>
            <a:ext uri="{28A0092B-C50C-407E-A947-70E740481C1C}">
              <a14:useLocalDpi xmlns:a14="http://schemas.microsoft.com/office/drawing/2010/main" xmlns=""/>
            </a:ext>
          </a:extLst>
        </a:blip>
        <a:srcRect/>
        <a:stretch>
          <a:fillRect/>
        </a:stretch>
      </xdr:blipFill>
      <xdr:spPr bwMode="auto">
        <a:xfrm>
          <a:off x="2015254" y="11020778"/>
          <a:ext cx="728435" cy="354291"/>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81000</xdr:colOff>
      <xdr:row>33</xdr:row>
      <xdr:rowOff>33047</xdr:rowOff>
    </xdr:from>
    <xdr:to>
      <xdr:col>2</xdr:col>
      <xdr:colOff>888995</xdr:colOff>
      <xdr:row>33</xdr:row>
      <xdr:rowOff>410308</xdr:rowOff>
    </xdr:to>
    <xdr:pic>
      <xdr:nvPicPr>
        <xdr:cNvPr id="65" name="Picture 64">
          <a:extLst>
            <a:ext uri="{FF2B5EF4-FFF2-40B4-BE49-F238E27FC236}">
              <a16:creationId xmlns="" xmlns:a16="http://schemas.microsoft.com/office/drawing/2014/main" id="{14B02423-3AAC-4A83-A928-F2F65B70B6BA}"/>
            </a:ext>
          </a:extLst>
        </xdr:cNvPr>
        <xdr:cNvPicPr>
          <a:picLocks noChangeAspect="1" noChangeArrowheads="1"/>
        </xdr:cNvPicPr>
      </xdr:nvPicPr>
      <xdr:blipFill>
        <a:blip xmlns:r="http://schemas.openxmlformats.org/officeDocument/2006/relationships" r:embed="rId64" cstate="email">
          <a:extLst>
            <a:ext uri="{28A0092B-C50C-407E-A947-70E740481C1C}">
              <a14:useLocalDpi xmlns:a14="http://schemas.microsoft.com/office/drawing/2010/main" xmlns=""/>
            </a:ext>
          </a:extLst>
        </a:blip>
        <a:srcRect/>
        <a:stretch>
          <a:fillRect/>
        </a:stretch>
      </xdr:blipFill>
      <xdr:spPr bwMode="auto">
        <a:xfrm>
          <a:off x="2216150" y="14828547"/>
          <a:ext cx="507995" cy="377261"/>
        </a:xfrm>
        <a:prstGeom prst="rect">
          <a:avLst/>
        </a:prstGeom>
        <a:noFill/>
        <a:ln w="9525">
          <a:noFill/>
          <a:miter lim="800000"/>
          <a:headEnd/>
          <a:tailEnd/>
        </a:ln>
      </xdr:spPr>
    </xdr:pic>
    <xdr:clientData/>
  </xdr:twoCellAnchor>
  <xdr:twoCellAnchor editAs="oneCell">
    <xdr:from>
      <xdr:col>2</xdr:col>
      <xdr:colOff>444500</xdr:colOff>
      <xdr:row>26</xdr:row>
      <xdr:rowOff>63500</xdr:rowOff>
    </xdr:from>
    <xdr:to>
      <xdr:col>2</xdr:col>
      <xdr:colOff>929306</xdr:colOff>
      <xdr:row>26</xdr:row>
      <xdr:rowOff>423540</xdr:rowOff>
    </xdr:to>
    <xdr:pic>
      <xdr:nvPicPr>
        <xdr:cNvPr id="66" name="Picture 65">
          <a:extLst>
            <a:ext uri="{FF2B5EF4-FFF2-40B4-BE49-F238E27FC236}">
              <a16:creationId xmlns="" xmlns:a16="http://schemas.microsoft.com/office/drawing/2014/main" id="{F83D7FBF-22B0-4807-809F-412D91BED0B2}"/>
            </a:ext>
          </a:extLst>
        </xdr:cNvPr>
        <xdr:cNvPicPr>
          <a:picLocks noChangeAspect="1" noChangeArrowheads="1"/>
        </xdr:cNvPicPr>
      </xdr:nvPicPr>
      <xdr:blipFill>
        <a:blip xmlns:r="http://schemas.openxmlformats.org/officeDocument/2006/relationships" r:embed="rId65" cstate="email">
          <a:extLst>
            <a:ext uri="{28A0092B-C50C-407E-A947-70E740481C1C}">
              <a14:useLocalDpi xmlns:a14="http://schemas.microsoft.com/office/drawing/2010/main" xmlns=""/>
            </a:ext>
          </a:extLst>
        </a:blip>
        <a:srcRect/>
        <a:stretch>
          <a:fillRect/>
        </a:stretch>
      </xdr:blipFill>
      <xdr:spPr bwMode="auto">
        <a:xfrm>
          <a:off x="2279650" y="11525250"/>
          <a:ext cx="484806" cy="360040"/>
        </a:xfrm>
        <a:prstGeom prst="rect">
          <a:avLst/>
        </a:prstGeom>
        <a:noFill/>
        <a:ln w="9525">
          <a:noFill/>
          <a:miter lim="800000"/>
          <a:headEnd/>
          <a:tailEnd/>
        </a:ln>
      </xdr:spPr>
    </xdr:pic>
    <xdr:clientData/>
  </xdr:twoCellAnchor>
  <xdr:twoCellAnchor editAs="oneCell">
    <xdr:from>
      <xdr:col>2</xdr:col>
      <xdr:colOff>204611</xdr:colOff>
      <xdr:row>27</xdr:row>
      <xdr:rowOff>70555</xdr:rowOff>
    </xdr:from>
    <xdr:to>
      <xdr:col>2</xdr:col>
      <xdr:colOff>1007946</xdr:colOff>
      <xdr:row>27</xdr:row>
      <xdr:rowOff>447834</xdr:rowOff>
    </xdr:to>
    <xdr:pic>
      <xdr:nvPicPr>
        <xdr:cNvPr id="67" name="图片 65" descr="C:\Users\y00481\Desktop\图片文档\TR-JB07 WM04-IN 4寸半球壁装组合支架.png">
          <a:extLst>
            <a:ext uri="{FF2B5EF4-FFF2-40B4-BE49-F238E27FC236}">
              <a16:creationId xmlns="" xmlns:a16="http://schemas.microsoft.com/office/drawing/2014/main" id="{B473F4FC-8BD1-47F5-A78C-EF1743DBCA3B}"/>
            </a:ext>
          </a:extLst>
        </xdr:cNvPr>
        <xdr:cNvPicPr>
          <a:picLocks noChangeAspect="1"/>
        </xdr:cNvPicPr>
      </xdr:nvPicPr>
      <xdr:blipFill>
        <a:blip xmlns:r="http://schemas.openxmlformats.org/officeDocument/2006/relationships" r:embed="rId66" cstate="email">
          <a:extLst>
            <a:ext uri="{28A0092B-C50C-407E-A947-70E740481C1C}">
              <a14:useLocalDpi xmlns:a14="http://schemas.microsoft.com/office/drawing/2010/main" xmlns=""/>
            </a:ext>
          </a:extLst>
        </a:blip>
        <a:srcRect/>
        <a:stretch>
          <a:fillRect/>
        </a:stretch>
      </xdr:blipFill>
      <xdr:spPr bwMode="auto">
        <a:xfrm>
          <a:off x="2039761" y="12008555"/>
          <a:ext cx="803335" cy="377279"/>
        </a:xfrm>
        <a:prstGeom prst="rect">
          <a:avLst/>
        </a:prstGeom>
        <a:noFill/>
        <a:ln w="9525">
          <a:noFill/>
          <a:miter lim="800000"/>
          <a:headEnd/>
          <a:tailEnd/>
        </a:ln>
      </xdr:spPr>
    </xdr:pic>
    <xdr:clientData/>
  </xdr:twoCellAnchor>
  <xdr:twoCellAnchor editAs="oneCell">
    <xdr:from>
      <xdr:col>2</xdr:col>
      <xdr:colOff>331611</xdr:colOff>
      <xdr:row>31</xdr:row>
      <xdr:rowOff>70555</xdr:rowOff>
    </xdr:from>
    <xdr:to>
      <xdr:col>2</xdr:col>
      <xdr:colOff>894734</xdr:colOff>
      <xdr:row>31</xdr:row>
      <xdr:rowOff>424676</xdr:rowOff>
    </xdr:to>
    <xdr:pic>
      <xdr:nvPicPr>
        <xdr:cNvPr id="68" name="图片 111">
          <a:extLst>
            <a:ext uri="{FF2B5EF4-FFF2-40B4-BE49-F238E27FC236}">
              <a16:creationId xmlns="" xmlns:a16="http://schemas.microsoft.com/office/drawing/2014/main" id="{6526E1F9-E70E-465A-99D6-4C3427FE563F}"/>
            </a:ext>
          </a:extLst>
        </xdr:cNvPr>
        <xdr:cNvPicPr>
          <a:picLocks noChangeAspect="1"/>
        </xdr:cNvPicPr>
      </xdr:nvPicPr>
      <xdr:blipFill>
        <a:blip xmlns:r="http://schemas.openxmlformats.org/officeDocument/2006/relationships" r:embed="rId67" cstate="email">
          <a:extLst>
            <a:ext uri="{28A0092B-C50C-407E-A947-70E740481C1C}">
              <a14:useLocalDpi xmlns:a14="http://schemas.microsoft.com/office/drawing/2010/main" xmlns=""/>
            </a:ext>
          </a:extLst>
        </a:blip>
        <a:srcRect/>
        <a:stretch>
          <a:fillRect/>
        </a:stretch>
      </xdr:blipFill>
      <xdr:spPr bwMode="auto">
        <a:xfrm>
          <a:off x="2166761" y="13913555"/>
          <a:ext cx="563123" cy="354121"/>
        </a:xfrm>
        <a:prstGeom prst="rect">
          <a:avLst/>
        </a:prstGeom>
        <a:noFill/>
        <a:ln w="9525">
          <a:noFill/>
          <a:miter lim="800000"/>
          <a:headEnd/>
          <a:tailEnd/>
        </a:ln>
      </xdr:spPr>
    </xdr:pic>
    <xdr:clientData/>
  </xdr:twoCellAnchor>
  <xdr:twoCellAnchor editAs="oneCell">
    <xdr:from>
      <xdr:col>2</xdr:col>
      <xdr:colOff>373944</xdr:colOff>
      <xdr:row>30</xdr:row>
      <xdr:rowOff>77611</xdr:rowOff>
    </xdr:from>
    <xdr:to>
      <xdr:col>2</xdr:col>
      <xdr:colOff>937067</xdr:colOff>
      <xdr:row>30</xdr:row>
      <xdr:rowOff>431732</xdr:rowOff>
    </xdr:to>
    <xdr:pic>
      <xdr:nvPicPr>
        <xdr:cNvPr id="69" name="图片 47">
          <a:extLst>
            <a:ext uri="{FF2B5EF4-FFF2-40B4-BE49-F238E27FC236}">
              <a16:creationId xmlns="" xmlns:a16="http://schemas.microsoft.com/office/drawing/2014/main" id="{022B4583-06A6-400E-B792-9F1545B4E640}"/>
            </a:ext>
          </a:extLst>
        </xdr:cNvPr>
        <xdr:cNvPicPr>
          <a:picLocks noChangeAspect="1"/>
        </xdr:cNvPicPr>
      </xdr:nvPicPr>
      <xdr:blipFill>
        <a:blip xmlns:r="http://schemas.openxmlformats.org/officeDocument/2006/relationships" r:embed="rId67" cstate="email">
          <a:extLst>
            <a:ext uri="{28A0092B-C50C-407E-A947-70E740481C1C}">
              <a14:useLocalDpi xmlns:a14="http://schemas.microsoft.com/office/drawing/2010/main" xmlns=""/>
            </a:ext>
          </a:extLst>
        </a:blip>
        <a:srcRect/>
        <a:stretch>
          <a:fillRect/>
        </a:stretch>
      </xdr:blipFill>
      <xdr:spPr bwMode="auto">
        <a:xfrm>
          <a:off x="2209094" y="13444361"/>
          <a:ext cx="563123" cy="354121"/>
        </a:xfrm>
        <a:prstGeom prst="rect">
          <a:avLst/>
        </a:prstGeom>
        <a:noFill/>
        <a:ln w="9525">
          <a:noFill/>
          <a:miter lim="800000"/>
          <a:headEnd/>
          <a:tailEnd/>
        </a:ln>
      </xdr:spPr>
    </xdr:pic>
    <xdr:clientData/>
  </xdr:twoCellAnchor>
  <xdr:twoCellAnchor editAs="oneCell">
    <xdr:from>
      <xdr:col>2</xdr:col>
      <xdr:colOff>500946</xdr:colOff>
      <xdr:row>28</xdr:row>
      <xdr:rowOff>77612</xdr:rowOff>
    </xdr:from>
    <xdr:to>
      <xdr:col>2</xdr:col>
      <xdr:colOff>941946</xdr:colOff>
      <xdr:row>29</xdr:row>
      <xdr:rowOff>17640</xdr:rowOff>
    </xdr:to>
    <xdr:pic>
      <xdr:nvPicPr>
        <xdr:cNvPr id="70" name="Picture 69">
          <a:extLst>
            <a:ext uri="{FF2B5EF4-FFF2-40B4-BE49-F238E27FC236}">
              <a16:creationId xmlns="" xmlns:a16="http://schemas.microsoft.com/office/drawing/2014/main" id="{ED3B9A83-0154-4872-85D0-3F218648CA5A}"/>
            </a:ext>
          </a:extLst>
        </xdr:cNvPr>
        <xdr:cNvPicPr>
          <a:picLocks noChangeAspect="1" noChangeArrowheads="1"/>
        </xdr:cNvPicPr>
      </xdr:nvPicPr>
      <xdr:blipFill>
        <a:blip xmlns:r="http://schemas.openxmlformats.org/officeDocument/2006/relationships" r:embed="rId68" cstate="email">
          <a:extLst>
            <a:ext uri="{28A0092B-C50C-407E-A947-70E740481C1C}">
              <a14:useLocalDpi xmlns:a14="http://schemas.microsoft.com/office/drawing/2010/main" xmlns=""/>
            </a:ext>
          </a:extLst>
        </a:blip>
        <a:srcRect/>
        <a:stretch>
          <a:fillRect/>
        </a:stretch>
      </xdr:blipFill>
      <xdr:spPr bwMode="auto">
        <a:xfrm>
          <a:off x="2336096" y="12491862"/>
          <a:ext cx="441000" cy="41627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xdr:spPr>
    </xdr:pic>
    <xdr:clientData/>
  </xdr:twoCellAnchor>
  <xdr:twoCellAnchor editAs="oneCell">
    <xdr:from>
      <xdr:col>2</xdr:col>
      <xdr:colOff>479779</xdr:colOff>
      <xdr:row>37</xdr:row>
      <xdr:rowOff>63501</xdr:rowOff>
    </xdr:from>
    <xdr:to>
      <xdr:col>2</xdr:col>
      <xdr:colOff>879231</xdr:colOff>
      <xdr:row>37</xdr:row>
      <xdr:rowOff>442687</xdr:rowOff>
    </xdr:to>
    <xdr:pic>
      <xdr:nvPicPr>
        <xdr:cNvPr id="71" name="Picture 70">
          <a:extLst>
            <a:ext uri="{FF2B5EF4-FFF2-40B4-BE49-F238E27FC236}">
              <a16:creationId xmlns="" xmlns:a16="http://schemas.microsoft.com/office/drawing/2014/main" id="{8222250A-8770-43AF-A511-D9FD255D159C}"/>
            </a:ext>
          </a:extLst>
        </xdr:cNvPr>
        <xdr:cNvPicPr>
          <a:picLocks noChangeAspect="1" noChangeArrowheads="1"/>
        </xdr:cNvPicPr>
      </xdr:nvPicPr>
      <xdr:blipFill>
        <a:blip xmlns:r="http://schemas.openxmlformats.org/officeDocument/2006/relationships" r:embed="rId69" cstate="email">
          <a:extLst>
            <a:ext uri="{28A0092B-C50C-407E-A947-70E740481C1C}">
              <a14:useLocalDpi xmlns:a14="http://schemas.microsoft.com/office/drawing/2010/main" xmlns=""/>
            </a:ext>
          </a:extLst>
        </a:blip>
        <a:srcRect/>
        <a:stretch>
          <a:fillRect/>
        </a:stretch>
      </xdr:blipFill>
      <xdr:spPr bwMode="auto">
        <a:xfrm>
          <a:off x="2314929" y="16764001"/>
          <a:ext cx="399452" cy="379186"/>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xdr:spPr>
    </xdr:pic>
    <xdr:clientData/>
  </xdr:twoCellAnchor>
  <xdr:twoCellAnchor editAs="oneCell">
    <xdr:from>
      <xdr:col>2</xdr:col>
      <xdr:colOff>204611</xdr:colOff>
      <xdr:row>29</xdr:row>
      <xdr:rowOff>63501</xdr:rowOff>
    </xdr:from>
    <xdr:to>
      <xdr:col>2</xdr:col>
      <xdr:colOff>844545</xdr:colOff>
      <xdr:row>29</xdr:row>
      <xdr:rowOff>454269</xdr:rowOff>
    </xdr:to>
    <xdr:pic>
      <xdr:nvPicPr>
        <xdr:cNvPr id="72" name="Picture 71">
          <a:extLst>
            <a:ext uri="{FF2B5EF4-FFF2-40B4-BE49-F238E27FC236}">
              <a16:creationId xmlns="" xmlns:a16="http://schemas.microsoft.com/office/drawing/2014/main" id="{3A22B035-0BBC-42A9-9BD5-18A5A2D37C22}"/>
            </a:ext>
          </a:extLst>
        </xdr:cNvPr>
        <xdr:cNvPicPr>
          <a:picLocks noChangeAspect="1" noChangeArrowheads="1"/>
        </xdr:cNvPicPr>
      </xdr:nvPicPr>
      <xdr:blipFill>
        <a:blip xmlns:r="http://schemas.openxmlformats.org/officeDocument/2006/relationships" r:embed="rId70" cstate="email">
          <a:extLst>
            <a:ext uri="{28A0092B-C50C-407E-A947-70E740481C1C}">
              <a14:useLocalDpi xmlns:a14="http://schemas.microsoft.com/office/drawing/2010/main" xmlns=""/>
            </a:ext>
          </a:extLst>
        </a:blip>
        <a:srcRect/>
        <a:stretch>
          <a:fillRect/>
        </a:stretch>
      </xdr:blipFill>
      <xdr:spPr bwMode="auto">
        <a:xfrm>
          <a:off x="2039761" y="12954001"/>
          <a:ext cx="639934" cy="39076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30389</xdr:colOff>
      <xdr:row>32</xdr:row>
      <xdr:rowOff>98778</xdr:rowOff>
    </xdr:from>
    <xdr:to>
      <xdr:col>2</xdr:col>
      <xdr:colOff>884117</xdr:colOff>
      <xdr:row>32</xdr:row>
      <xdr:rowOff>437738</xdr:rowOff>
    </xdr:to>
    <xdr:pic>
      <xdr:nvPicPr>
        <xdr:cNvPr id="73" name="Picture 72">
          <a:extLst>
            <a:ext uri="{FF2B5EF4-FFF2-40B4-BE49-F238E27FC236}">
              <a16:creationId xmlns="" xmlns:a16="http://schemas.microsoft.com/office/drawing/2014/main" id="{745CB984-DF26-4CCC-AF52-14141C3ACD82}"/>
            </a:ext>
          </a:extLst>
        </xdr:cNvPr>
        <xdr:cNvPicPr>
          <a:picLocks noChangeAspect="1" noChangeArrowheads="1"/>
        </xdr:cNvPicPr>
      </xdr:nvPicPr>
      <xdr:blipFill>
        <a:blip xmlns:r="http://schemas.openxmlformats.org/officeDocument/2006/relationships" r:embed="rId71" cstate="email">
          <a:extLst>
            <a:ext uri="{28A0092B-C50C-407E-A947-70E740481C1C}">
              <a14:useLocalDpi xmlns:a14="http://schemas.microsoft.com/office/drawing/2010/main" xmlns=""/>
            </a:ext>
          </a:extLst>
        </a:blip>
        <a:srcRect/>
        <a:stretch>
          <a:fillRect/>
        </a:stretch>
      </xdr:blipFill>
      <xdr:spPr bwMode="auto">
        <a:xfrm>
          <a:off x="2265539" y="14418028"/>
          <a:ext cx="453728" cy="33896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20497</xdr:colOff>
      <xdr:row>11</xdr:row>
      <xdr:rowOff>11547</xdr:rowOff>
    </xdr:from>
    <xdr:to>
      <xdr:col>2</xdr:col>
      <xdr:colOff>994986</xdr:colOff>
      <xdr:row>11</xdr:row>
      <xdr:rowOff>473364</xdr:rowOff>
    </xdr:to>
    <xdr:pic>
      <xdr:nvPicPr>
        <xdr:cNvPr id="74" name="Picture 73">
          <a:extLst>
            <a:ext uri="{FF2B5EF4-FFF2-40B4-BE49-F238E27FC236}">
              <a16:creationId xmlns="" xmlns:a16="http://schemas.microsoft.com/office/drawing/2014/main" id="{72598CF1-BC1F-4692-945D-0A5E0642D703}"/>
            </a:ext>
          </a:extLst>
        </xdr:cNvPr>
        <xdr:cNvPicPr>
          <a:picLocks noChangeAspect="1" noChangeArrowheads="1"/>
        </xdr:cNvPicPr>
      </xdr:nvPicPr>
      <xdr:blipFill>
        <a:blip xmlns:r="http://schemas.openxmlformats.org/officeDocument/2006/relationships" r:embed="rId72" cstate="email">
          <a:extLst>
            <a:ext uri="{28A0092B-C50C-407E-A947-70E740481C1C}">
              <a14:useLocalDpi xmlns:a14="http://schemas.microsoft.com/office/drawing/2010/main" xmlns=""/>
            </a:ext>
          </a:extLst>
        </a:blip>
        <a:srcRect/>
        <a:stretch>
          <a:fillRect/>
        </a:stretch>
      </xdr:blipFill>
      <xdr:spPr bwMode="auto">
        <a:xfrm>
          <a:off x="2155647" y="4316847"/>
          <a:ext cx="674489" cy="461817"/>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75228</xdr:colOff>
      <xdr:row>12</xdr:row>
      <xdr:rowOff>63452</xdr:rowOff>
    </xdr:from>
    <xdr:to>
      <xdr:col>2</xdr:col>
      <xdr:colOff>992909</xdr:colOff>
      <xdr:row>12</xdr:row>
      <xdr:rowOff>485786</xdr:rowOff>
    </xdr:to>
    <xdr:pic>
      <xdr:nvPicPr>
        <xdr:cNvPr id="75" name="Picture 74">
          <a:extLst>
            <a:ext uri="{FF2B5EF4-FFF2-40B4-BE49-F238E27FC236}">
              <a16:creationId xmlns="" xmlns:a16="http://schemas.microsoft.com/office/drawing/2014/main" id="{1722511A-EF8C-4943-A94B-0A4A726B12EA}"/>
            </a:ext>
          </a:extLst>
        </xdr:cNvPr>
        <xdr:cNvPicPr>
          <a:picLocks noChangeAspect="1" noChangeArrowheads="1"/>
        </xdr:cNvPicPr>
      </xdr:nvPicPr>
      <xdr:blipFill>
        <a:blip xmlns:r="http://schemas.openxmlformats.org/officeDocument/2006/relationships" r:embed="rId73" cstate="email">
          <a:extLst>
            <a:ext uri="{28A0092B-C50C-407E-A947-70E740481C1C}">
              <a14:useLocalDpi xmlns:a14="http://schemas.microsoft.com/office/drawing/2010/main" xmlns=""/>
            </a:ext>
          </a:extLst>
        </a:blip>
        <a:srcRect/>
        <a:stretch>
          <a:fillRect/>
        </a:stretch>
      </xdr:blipFill>
      <xdr:spPr bwMode="auto">
        <a:xfrm>
          <a:off x="2210378" y="4908502"/>
          <a:ext cx="617681" cy="42233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12438</xdr:colOff>
      <xdr:row>13</xdr:row>
      <xdr:rowOff>5772</xdr:rowOff>
    </xdr:from>
    <xdr:to>
      <xdr:col>2</xdr:col>
      <xdr:colOff>1061026</xdr:colOff>
      <xdr:row>13</xdr:row>
      <xdr:rowOff>516658</xdr:rowOff>
    </xdr:to>
    <xdr:pic>
      <xdr:nvPicPr>
        <xdr:cNvPr id="76" name="Picture 75">
          <a:extLst>
            <a:ext uri="{FF2B5EF4-FFF2-40B4-BE49-F238E27FC236}">
              <a16:creationId xmlns="" xmlns:a16="http://schemas.microsoft.com/office/drawing/2014/main" id="{44268D77-1485-4F85-9D02-48F77D32AAF2}"/>
            </a:ext>
          </a:extLst>
        </xdr:cNvPr>
        <xdr:cNvPicPr>
          <a:picLocks noChangeAspect="1" noChangeArrowheads="1"/>
        </xdr:cNvPicPr>
      </xdr:nvPicPr>
      <xdr:blipFill>
        <a:blip xmlns:r="http://schemas.openxmlformats.org/officeDocument/2006/relationships" r:embed="rId74" cstate="email">
          <a:extLst>
            <a:ext uri="{28A0092B-C50C-407E-A947-70E740481C1C}">
              <a14:useLocalDpi xmlns:a14="http://schemas.microsoft.com/office/drawing/2010/main" xmlns=""/>
            </a:ext>
          </a:extLst>
        </a:blip>
        <a:srcRect/>
        <a:stretch>
          <a:fillRect/>
        </a:stretch>
      </xdr:blipFill>
      <xdr:spPr bwMode="auto">
        <a:xfrm>
          <a:off x="2147588" y="5390572"/>
          <a:ext cx="748588" cy="51088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196272</xdr:colOff>
      <xdr:row>2</xdr:row>
      <xdr:rowOff>51955</xdr:rowOff>
    </xdr:from>
    <xdr:to>
      <xdr:col>2</xdr:col>
      <xdr:colOff>1119909</xdr:colOff>
      <xdr:row>2</xdr:row>
      <xdr:rowOff>456978</xdr:rowOff>
    </xdr:to>
    <xdr:pic>
      <xdr:nvPicPr>
        <xdr:cNvPr id="77" name="Picture 76">
          <a:extLst>
            <a:ext uri="{FF2B5EF4-FFF2-40B4-BE49-F238E27FC236}">
              <a16:creationId xmlns="" xmlns:a16="http://schemas.microsoft.com/office/drawing/2014/main" id="{AAA2254B-291F-4F56-BF08-988B088CB49A}"/>
            </a:ext>
          </a:extLst>
        </xdr:cNvPr>
        <xdr:cNvPicPr>
          <a:picLocks noChangeAspect="1" noChangeArrowheads="1"/>
        </xdr:cNvPicPr>
      </xdr:nvPicPr>
      <xdr:blipFill>
        <a:blip xmlns:r="http://schemas.openxmlformats.org/officeDocument/2006/relationships" r:embed="rId75" cstate="email">
          <a:extLst>
            <a:ext uri="{28A0092B-C50C-407E-A947-70E740481C1C}">
              <a14:useLocalDpi xmlns:a14="http://schemas.microsoft.com/office/drawing/2010/main" xmlns=""/>
            </a:ext>
          </a:extLst>
        </a:blip>
        <a:srcRect/>
        <a:stretch>
          <a:fillRect/>
        </a:stretch>
      </xdr:blipFill>
      <xdr:spPr bwMode="auto">
        <a:xfrm>
          <a:off x="2031422" y="413905"/>
          <a:ext cx="923637" cy="405023"/>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52136</xdr:colOff>
      <xdr:row>85</xdr:row>
      <xdr:rowOff>48266</xdr:rowOff>
    </xdr:from>
    <xdr:to>
      <xdr:col>2</xdr:col>
      <xdr:colOff>897967</xdr:colOff>
      <xdr:row>85</xdr:row>
      <xdr:rowOff>421409</xdr:rowOff>
    </xdr:to>
    <xdr:pic>
      <xdr:nvPicPr>
        <xdr:cNvPr id="78" name="Picture 77">
          <a:extLst>
            <a:ext uri="{FF2B5EF4-FFF2-40B4-BE49-F238E27FC236}">
              <a16:creationId xmlns="" xmlns:a16="http://schemas.microsoft.com/office/drawing/2014/main" id="{787A3C8F-58CB-4409-B9EF-A756CC4D6E9C}"/>
            </a:ext>
          </a:extLst>
        </xdr:cNvPr>
        <xdr:cNvPicPr>
          <a:picLocks noChangeAspect="1" noChangeArrowheads="1"/>
        </xdr:cNvPicPr>
      </xdr:nvPicPr>
      <xdr:blipFill>
        <a:blip xmlns:r="http://schemas.openxmlformats.org/officeDocument/2006/relationships" r:embed="rId76" cstate="email">
          <a:extLst>
            <a:ext uri="{28A0092B-C50C-407E-A947-70E740481C1C}">
              <a14:useLocalDpi xmlns:a14="http://schemas.microsoft.com/office/drawing/2010/main" xmlns=""/>
            </a:ext>
          </a:extLst>
        </a:blip>
        <a:srcRect/>
        <a:stretch>
          <a:fillRect/>
        </a:stretch>
      </xdr:blipFill>
      <xdr:spPr bwMode="auto">
        <a:xfrm>
          <a:off x="2187286" y="39831016"/>
          <a:ext cx="545831" cy="373143"/>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02150</xdr:colOff>
      <xdr:row>86</xdr:row>
      <xdr:rowOff>103910</xdr:rowOff>
    </xdr:from>
    <xdr:to>
      <xdr:col>2</xdr:col>
      <xdr:colOff>879764</xdr:colOff>
      <xdr:row>86</xdr:row>
      <xdr:rowOff>430645</xdr:rowOff>
    </xdr:to>
    <xdr:pic>
      <xdr:nvPicPr>
        <xdr:cNvPr id="79" name="Picture 78">
          <a:extLst>
            <a:ext uri="{FF2B5EF4-FFF2-40B4-BE49-F238E27FC236}">
              <a16:creationId xmlns="" xmlns:a16="http://schemas.microsoft.com/office/drawing/2014/main" id="{F8755ABF-8B44-4E49-832D-2EE4A8A213CD}"/>
            </a:ext>
          </a:extLst>
        </xdr:cNvPr>
        <xdr:cNvPicPr>
          <a:picLocks noChangeAspect="1" noChangeArrowheads="1"/>
        </xdr:cNvPicPr>
      </xdr:nvPicPr>
      <xdr:blipFill>
        <a:blip xmlns:r="http://schemas.openxmlformats.org/officeDocument/2006/relationships" r:embed="rId77" cstate="email">
          <a:extLst>
            <a:ext uri="{28A0092B-C50C-407E-A947-70E740481C1C}">
              <a14:useLocalDpi xmlns:a14="http://schemas.microsoft.com/office/drawing/2010/main" xmlns=""/>
            </a:ext>
          </a:extLst>
        </a:blip>
        <a:srcRect/>
        <a:stretch>
          <a:fillRect/>
        </a:stretch>
      </xdr:blipFill>
      <xdr:spPr bwMode="auto">
        <a:xfrm>
          <a:off x="2237300" y="40394660"/>
          <a:ext cx="477614" cy="32673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73365</xdr:colOff>
      <xdr:row>87</xdr:row>
      <xdr:rowOff>76176</xdr:rowOff>
    </xdr:from>
    <xdr:to>
      <xdr:col>2</xdr:col>
      <xdr:colOff>920175</xdr:colOff>
      <xdr:row>87</xdr:row>
      <xdr:rowOff>382156</xdr:rowOff>
    </xdr:to>
    <xdr:pic>
      <xdr:nvPicPr>
        <xdr:cNvPr id="80" name="Picture 79">
          <a:extLst>
            <a:ext uri="{FF2B5EF4-FFF2-40B4-BE49-F238E27FC236}">
              <a16:creationId xmlns="" xmlns:a16="http://schemas.microsoft.com/office/drawing/2014/main" id="{17D8918B-7BE6-41A6-8DF7-DD745D89CE2A}"/>
            </a:ext>
          </a:extLst>
        </xdr:cNvPr>
        <xdr:cNvPicPr>
          <a:picLocks noChangeAspect="1" noChangeArrowheads="1"/>
        </xdr:cNvPicPr>
      </xdr:nvPicPr>
      <xdr:blipFill>
        <a:blip xmlns:r="http://schemas.openxmlformats.org/officeDocument/2006/relationships" r:embed="rId78" cstate="email">
          <a:extLst>
            <a:ext uri="{28A0092B-C50C-407E-A947-70E740481C1C}">
              <a14:useLocalDpi xmlns:a14="http://schemas.microsoft.com/office/drawing/2010/main" xmlns=""/>
            </a:ext>
          </a:extLst>
        </a:blip>
        <a:srcRect/>
        <a:stretch>
          <a:fillRect/>
        </a:stretch>
      </xdr:blipFill>
      <xdr:spPr bwMode="auto">
        <a:xfrm>
          <a:off x="2308515" y="40874926"/>
          <a:ext cx="446810" cy="30598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12065</xdr:colOff>
      <xdr:row>88</xdr:row>
      <xdr:rowOff>51954</xdr:rowOff>
    </xdr:from>
    <xdr:to>
      <xdr:col>2</xdr:col>
      <xdr:colOff>976070</xdr:colOff>
      <xdr:row>88</xdr:row>
      <xdr:rowOff>438727</xdr:rowOff>
    </xdr:to>
    <xdr:pic>
      <xdr:nvPicPr>
        <xdr:cNvPr id="81" name="Picture 80">
          <a:extLst>
            <a:ext uri="{FF2B5EF4-FFF2-40B4-BE49-F238E27FC236}">
              <a16:creationId xmlns="" xmlns:a16="http://schemas.microsoft.com/office/drawing/2014/main" id="{C081DCB1-3A5C-43D6-BCAD-86CD64E8C577}"/>
            </a:ext>
          </a:extLst>
        </xdr:cNvPr>
        <xdr:cNvPicPr>
          <a:picLocks noChangeAspect="1" noChangeArrowheads="1"/>
        </xdr:cNvPicPr>
      </xdr:nvPicPr>
      <xdr:blipFill>
        <a:blip xmlns:r="http://schemas.openxmlformats.org/officeDocument/2006/relationships" r:embed="rId79" cstate="email">
          <a:extLst>
            <a:ext uri="{28A0092B-C50C-407E-A947-70E740481C1C}">
              <a14:useLocalDpi xmlns:a14="http://schemas.microsoft.com/office/drawing/2010/main" xmlns=""/>
            </a:ext>
          </a:extLst>
        </a:blip>
        <a:srcRect/>
        <a:stretch>
          <a:fillRect/>
        </a:stretch>
      </xdr:blipFill>
      <xdr:spPr bwMode="auto">
        <a:xfrm>
          <a:off x="2247215" y="41358704"/>
          <a:ext cx="564005" cy="386773"/>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21591</xdr:colOff>
      <xdr:row>73</xdr:row>
      <xdr:rowOff>63500</xdr:rowOff>
    </xdr:from>
    <xdr:to>
      <xdr:col>2</xdr:col>
      <xdr:colOff>908627</xdr:colOff>
      <xdr:row>73</xdr:row>
      <xdr:rowOff>465858</xdr:rowOff>
    </xdr:to>
    <xdr:pic>
      <xdr:nvPicPr>
        <xdr:cNvPr id="82" name="Picture 81">
          <a:extLst>
            <a:ext uri="{FF2B5EF4-FFF2-40B4-BE49-F238E27FC236}">
              <a16:creationId xmlns="" xmlns:a16="http://schemas.microsoft.com/office/drawing/2014/main" id="{1CD78A19-5A7C-480C-8A70-025674CCBF0B}"/>
            </a:ext>
          </a:extLst>
        </xdr:cNvPr>
        <xdr:cNvPicPr>
          <a:picLocks noChangeAspect="1" noChangeArrowheads="1"/>
        </xdr:cNvPicPr>
      </xdr:nvPicPr>
      <xdr:blipFill>
        <a:blip xmlns:r="http://schemas.openxmlformats.org/officeDocument/2006/relationships" r:embed="rId80" cstate="email">
          <a:extLst>
            <a:ext uri="{28A0092B-C50C-407E-A947-70E740481C1C}">
              <a14:useLocalDpi xmlns:a14="http://schemas.microsoft.com/office/drawing/2010/main" xmlns=""/>
            </a:ext>
          </a:extLst>
        </a:blip>
        <a:srcRect/>
        <a:stretch>
          <a:fillRect/>
        </a:stretch>
      </xdr:blipFill>
      <xdr:spPr bwMode="auto">
        <a:xfrm>
          <a:off x="2156741" y="33909000"/>
          <a:ext cx="587036" cy="40235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0</xdr:col>
      <xdr:colOff>0</xdr:colOff>
      <xdr:row>92</xdr:row>
      <xdr:rowOff>0</xdr:rowOff>
    </xdr:from>
    <xdr:to>
      <xdr:col>10</xdr:col>
      <xdr:colOff>9525</xdr:colOff>
      <xdr:row>92</xdr:row>
      <xdr:rowOff>9525</xdr:rowOff>
    </xdr:to>
    <xdr:pic>
      <xdr:nvPicPr>
        <xdr:cNvPr id="83" name="图片 2" descr="C:\Users\lw7435\AppData\Roaming\Foxmail7\Temp-5892-20190527081204\Attach\ecblank(05-27-08-19-56).gif">
          <a:extLst>
            <a:ext uri="{FF2B5EF4-FFF2-40B4-BE49-F238E27FC236}">
              <a16:creationId xmlns="" xmlns:a16="http://schemas.microsoft.com/office/drawing/2014/main" id="{A42388A3-6D0E-447E-9E56-D2203782FEF5}"/>
            </a:ext>
          </a:extLst>
        </xdr:cNvPr>
        <xdr:cNvPicPr>
          <a:picLocks noChangeAspect="1" noChangeArrowheads="1"/>
        </xdr:cNvPicPr>
      </xdr:nvPicPr>
      <xdr:blipFill>
        <a:blip xmlns:r="http://schemas.openxmlformats.org/officeDocument/2006/relationships" r:embed="rId81">
          <a:extLst>
            <a:ext uri="{28A0092B-C50C-407E-A947-70E740481C1C}">
              <a14:useLocalDpi xmlns:a14="http://schemas.microsoft.com/office/drawing/2010/main" xmlns="" val="0"/>
            </a:ext>
          </a:extLst>
        </a:blip>
        <a:srcRect/>
        <a:stretch>
          <a:fillRect/>
        </a:stretch>
      </xdr:blipFill>
      <xdr:spPr>
        <a:xfrm>
          <a:off x="10585450" y="418147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0</xdr:col>
      <xdr:colOff>0</xdr:colOff>
      <xdr:row>92</xdr:row>
      <xdr:rowOff>0</xdr:rowOff>
    </xdr:from>
    <xdr:to>
      <xdr:col>10</xdr:col>
      <xdr:colOff>9525</xdr:colOff>
      <xdr:row>92</xdr:row>
      <xdr:rowOff>9525</xdr:rowOff>
    </xdr:to>
    <xdr:pic>
      <xdr:nvPicPr>
        <xdr:cNvPr id="84" name="图片 6" descr="C:\Users\lw7435\AppData\Roaming\Foxmail7\Temp-5892-20190527081204\Attach\ecblank(05-27-08-19-56).gif">
          <a:extLst>
            <a:ext uri="{FF2B5EF4-FFF2-40B4-BE49-F238E27FC236}">
              <a16:creationId xmlns="" xmlns:a16="http://schemas.microsoft.com/office/drawing/2014/main" id="{5B8E5200-F5BD-4967-9B90-3B546E9F8144}"/>
            </a:ext>
          </a:extLst>
        </xdr:cNvPr>
        <xdr:cNvPicPr>
          <a:picLocks noChangeAspect="1" noChangeArrowheads="1"/>
        </xdr:cNvPicPr>
      </xdr:nvPicPr>
      <xdr:blipFill>
        <a:blip xmlns:r="http://schemas.openxmlformats.org/officeDocument/2006/relationships" r:embed="rId81">
          <a:extLst>
            <a:ext uri="{28A0092B-C50C-407E-A947-70E740481C1C}">
              <a14:useLocalDpi xmlns:a14="http://schemas.microsoft.com/office/drawing/2010/main" xmlns="" val="0"/>
            </a:ext>
          </a:extLst>
        </a:blip>
        <a:srcRect/>
        <a:stretch>
          <a:fillRect/>
        </a:stretch>
      </xdr:blipFill>
      <xdr:spPr>
        <a:xfrm>
          <a:off x="10585450" y="418147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10</xdr:col>
      <xdr:colOff>0</xdr:colOff>
      <xdr:row>92</xdr:row>
      <xdr:rowOff>0</xdr:rowOff>
    </xdr:from>
    <xdr:ext cx="9525" cy="9525"/>
    <xdr:pic>
      <xdr:nvPicPr>
        <xdr:cNvPr id="85" name="图片 2" descr="C:\Users\lw7435\AppData\Roaming\Foxmail7\Temp-5892-20190527081204\Attach\ecblank(05-27-08-19-56).gif">
          <a:extLst>
            <a:ext uri="{FF2B5EF4-FFF2-40B4-BE49-F238E27FC236}">
              <a16:creationId xmlns="" xmlns:a16="http://schemas.microsoft.com/office/drawing/2014/main" id="{C5CA3579-3432-40FE-B0E2-95FB837007DE}"/>
            </a:ext>
          </a:extLst>
        </xdr:cNvPr>
        <xdr:cNvPicPr>
          <a:picLocks noChangeAspect="1" noChangeArrowheads="1"/>
        </xdr:cNvPicPr>
      </xdr:nvPicPr>
      <xdr:blipFill>
        <a:blip xmlns:r="http://schemas.openxmlformats.org/officeDocument/2006/relationships" r:embed="rId81">
          <a:extLst>
            <a:ext uri="{28A0092B-C50C-407E-A947-70E740481C1C}">
              <a14:useLocalDpi xmlns:a14="http://schemas.microsoft.com/office/drawing/2010/main" xmlns="" val="0"/>
            </a:ext>
          </a:extLst>
        </a:blip>
        <a:srcRect/>
        <a:stretch>
          <a:fillRect/>
        </a:stretch>
      </xdr:blipFill>
      <xdr:spPr>
        <a:xfrm>
          <a:off x="10585450" y="418147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oneCellAnchor>
    <xdr:from>
      <xdr:col>10</xdr:col>
      <xdr:colOff>0</xdr:colOff>
      <xdr:row>92</xdr:row>
      <xdr:rowOff>0</xdr:rowOff>
    </xdr:from>
    <xdr:ext cx="9525" cy="9525"/>
    <xdr:pic>
      <xdr:nvPicPr>
        <xdr:cNvPr id="86" name="图片 6" descr="C:\Users\lw7435\AppData\Roaming\Foxmail7\Temp-5892-20190527081204\Attach\ecblank(05-27-08-19-56).gif">
          <a:extLst>
            <a:ext uri="{FF2B5EF4-FFF2-40B4-BE49-F238E27FC236}">
              <a16:creationId xmlns="" xmlns:a16="http://schemas.microsoft.com/office/drawing/2014/main" id="{BC147493-2958-4571-B27E-9544E5C8E877}"/>
            </a:ext>
          </a:extLst>
        </xdr:cNvPr>
        <xdr:cNvPicPr>
          <a:picLocks noChangeAspect="1" noChangeArrowheads="1"/>
        </xdr:cNvPicPr>
      </xdr:nvPicPr>
      <xdr:blipFill>
        <a:blip xmlns:r="http://schemas.openxmlformats.org/officeDocument/2006/relationships" r:embed="rId81">
          <a:extLst>
            <a:ext uri="{28A0092B-C50C-407E-A947-70E740481C1C}">
              <a14:useLocalDpi xmlns:a14="http://schemas.microsoft.com/office/drawing/2010/main" xmlns="" val="0"/>
            </a:ext>
          </a:extLst>
        </a:blip>
        <a:srcRect/>
        <a:stretch>
          <a:fillRect/>
        </a:stretch>
      </xdr:blipFill>
      <xdr:spPr>
        <a:xfrm>
          <a:off x="10585450" y="418147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twoCellAnchor editAs="oneCell">
    <xdr:from>
      <xdr:col>10</xdr:col>
      <xdr:colOff>0</xdr:colOff>
      <xdr:row>92</xdr:row>
      <xdr:rowOff>0</xdr:rowOff>
    </xdr:from>
    <xdr:to>
      <xdr:col>10</xdr:col>
      <xdr:colOff>9525</xdr:colOff>
      <xdr:row>92</xdr:row>
      <xdr:rowOff>9525</xdr:rowOff>
    </xdr:to>
    <xdr:pic>
      <xdr:nvPicPr>
        <xdr:cNvPr id="87" name="图片 11" descr="C:\Users\lw7435\AppData\Roaming\Foxmail7\Temp-5892-20190527081204\Attach\ecblank(05-27-08-19-56).gif">
          <a:extLst>
            <a:ext uri="{FF2B5EF4-FFF2-40B4-BE49-F238E27FC236}">
              <a16:creationId xmlns="" xmlns:a16="http://schemas.microsoft.com/office/drawing/2014/main" id="{91C193BE-21F8-4CF8-B961-C198399DAE16}"/>
            </a:ext>
          </a:extLst>
        </xdr:cNvPr>
        <xdr:cNvPicPr>
          <a:picLocks noChangeAspect="1" noChangeArrowheads="1"/>
        </xdr:cNvPicPr>
      </xdr:nvPicPr>
      <xdr:blipFill>
        <a:blip xmlns:r="http://schemas.openxmlformats.org/officeDocument/2006/relationships" r:embed="rId81">
          <a:extLst>
            <a:ext uri="{28A0092B-C50C-407E-A947-70E740481C1C}">
              <a14:useLocalDpi xmlns:a14="http://schemas.microsoft.com/office/drawing/2010/main" xmlns="" val="0"/>
            </a:ext>
          </a:extLst>
        </a:blip>
        <a:srcRect/>
        <a:stretch>
          <a:fillRect/>
        </a:stretch>
      </xdr:blipFill>
      <xdr:spPr>
        <a:xfrm>
          <a:off x="10585450" y="418147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0</xdr:col>
      <xdr:colOff>0</xdr:colOff>
      <xdr:row>92</xdr:row>
      <xdr:rowOff>0</xdr:rowOff>
    </xdr:from>
    <xdr:to>
      <xdr:col>10</xdr:col>
      <xdr:colOff>9525</xdr:colOff>
      <xdr:row>92</xdr:row>
      <xdr:rowOff>9525</xdr:rowOff>
    </xdr:to>
    <xdr:pic>
      <xdr:nvPicPr>
        <xdr:cNvPr id="88" name="图片 15" descr="C:\Users\lw7435\AppData\Roaming\Foxmail7\Temp-5892-20190527081204\Attach\ecblank(05-27-08-19-56).gif">
          <a:extLst>
            <a:ext uri="{FF2B5EF4-FFF2-40B4-BE49-F238E27FC236}">
              <a16:creationId xmlns="" xmlns:a16="http://schemas.microsoft.com/office/drawing/2014/main" id="{9E304A02-3DBD-4513-87CB-AAEEB6BACF4B}"/>
            </a:ext>
          </a:extLst>
        </xdr:cNvPr>
        <xdr:cNvPicPr>
          <a:picLocks noChangeAspect="1" noChangeArrowheads="1"/>
        </xdr:cNvPicPr>
      </xdr:nvPicPr>
      <xdr:blipFill>
        <a:blip xmlns:r="http://schemas.openxmlformats.org/officeDocument/2006/relationships" r:embed="rId81">
          <a:extLst>
            <a:ext uri="{28A0092B-C50C-407E-A947-70E740481C1C}">
              <a14:useLocalDpi xmlns:a14="http://schemas.microsoft.com/office/drawing/2010/main" xmlns="" val="0"/>
            </a:ext>
          </a:extLst>
        </a:blip>
        <a:srcRect/>
        <a:stretch>
          <a:fillRect/>
        </a:stretch>
      </xdr:blipFill>
      <xdr:spPr>
        <a:xfrm>
          <a:off x="10585450" y="41814750"/>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2</xdr:col>
      <xdr:colOff>355811</xdr:colOff>
      <xdr:row>69</xdr:row>
      <xdr:rowOff>57727</xdr:rowOff>
    </xdr:from>
    <xdr:to>
      <xdr:col>2</xdr:col>
      <xdr:colOff>1095144</xdr:colOff>
      <xdr:row>69</xdr:row>
      <xdr:rowOff>430472</xdr:rowOff>
    </xdr:to>
    <xdr:pic>
      <xdr:nvPicPr>
        <xdr:cNvPr id="89" name="Picture 2">
          <a:extLst>
            <a:ext uri="{FF2B5EF4-FFF2-40B4-BE49-F238E27FC236}">
              <a16:creationId xmlns="" xmlns:a16="http://schemas.microsoft.com/office/drawing/2014/main" id="{6E5FB0E3-913F-4A04-BC76-B39C86AE3B92}"/>
            </a:ext>
          </a:extLst>
        </xdr:cNvPr>
        <xdr:cNvPicPr>
          <a:picLocks noChangeAspect="1" noChangeArrowheads="1"/>
        </xdr:cNvPicPr>
      </xdr:nvPicPr>
      <xdr:blipFill>
        <a:blip xmlns:r="http://schemas.openxmlformats.org/officeDocument/2006/relationships" r:embed="rId82" cstate="email">
          <a:lum contrast="10000"/>
          <a:extLst>
            <a:ext uri="{28A0092B-C50C-407E-A947-70E740481C1C}">
              <a14:useLocalDpi xmlns:a14="http://schemas.microsoft.com/office/drawing/2010/main" xmlns=""/>
            </a:ext>
          </a:extLst>
        </a:blip>
        <a:srcRect/>
        <a:stretch>
          <a:fillRect/>
        </a:stretch>
      </xdr:blipFill>
      <xdr:spPr bwMode="auto">
        <a:xfrm>
          <a:off x="2190961" y="31998227"/>
          <a:ext cx="739333" cy="372745"/>
        </a:xfrm>
        <a:prstGeom prst="rect">
          <a:avLst/>
        </a:prstGeom>
        <a:noFill/>
        <a:ln w="9525">
          <a:noFill/>
          <a:miter lim="800000"/>
          <a:headEnd/>
          <a:tailEnd/>
        </a:ln>
        <a:effectLst/>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0</xdr:colOff>
      <xdr:row>5</xdr:row>
      <xdr:rowOff>561</xdr:rowOff>
    </xdr:from>
    <xdr:to>
      <xdr:col>0</xdr:col>
      <xdr:colOff>1060450</xdr:colOff>
      <xdr:row>5</xdr:row>
      <xdr:rowOff>584201</xdr:rowOff>
    </xdr:to>
    <xdr:grpSp>
      <xdr:nvGrpSpPr>
        <xdr:cNvPr id="2" name="组合 161">
          <a:extLst>
            <a:ext uri="{FF2B5EF4-FFF2-40B4-BE49-F238E27FC236}">
              <a16:creationId xmlns="" xmlns:a16="http://schemas.microsoft.com/office/drawing/2014/main" id="{A9BAB484-87A6-4EA6-8A90-00DFEF7E35A4}"/>
            </a:ext>
          </a:extLst>
        </xdr:cNvPr>
        <xdr:cNvGrpSpPr/>
      </xdr:nvGrpSpPr>
      <xdr:grpSpPr>
        <a:xfrm>
          <a:off x="0" y="1838886"/>
          <a:ext cx="1050925" cy="583640"/>
          <a:chOff x="3563888" y="4509120"/>
          <a:chExt cx="2466975" cy="1222915"/>
        </a:xfrm>
      </xdr:grpSpPr>
      <xdr:pic>
        <xdr:nvPicPr>
          <xdr:cNvPr id="3" name="Picture 11">
            <a:extLst>
              <a:ext uri="{FF2B5EF4-FFF2-40B4-BE49-F238E27FC236}">
                <a16:creationId xmlns="" xmlns:a16="http://schemas.microsoft.com/office/drawing/2014/main" id="{1EE5EBC0-20CD-441E-94AD-43FD29B7BD82}"/>
              </a:ext>
            </a:extLst>
          </xdr:cNvPr>
          <xdr:cNvPicPr>
            <a:picLocks noChangeAspect="1" noChangeArrowheads="1"/>
          </xdr:cNvPicPr>
        </xdr:nvPicPr>
        <xdr:blipFill>
          <a:blip xmlns:r="http://schemas.openxmlformats.org/officeDocument/2006/relationships" r:embed="rId1" cstate="email">
            <a:extLst>
              <a:ext uri="{28A0092B-C50C-407E-A947-70E740481C1C}">
                <a14:useLocalDpi xmlns:a14="http://schemas.microsoft.com/office/drawing/2010/main" xmlns=""/>
              </a:ext>
            </a:extLst>
          </a:blip>
          <a:srcRect/>
          <a:stretch>
            <a:fillRect/>
          </a:stretch>
        </xdr:blipFill>
        <xdr:spPr>
          <a:xfrm>
            <a:off x="3563888" y="4509120"/>
            <a:ext cx="2466975" cy="1222915"/>
          </a:xfrm>
          <a:prstGeom prst="rect">
            <a:avLst/>
          </a:prstGeom>
          <a:noFill/>
          <a:ln w="9525">
            <a:noFill/>
            <a:miter lim="800000"/>
            <a:headEnd/>
            <a:tailEnd/>
          </a:ln>
        </xdr:spPr>
      </xdr:pic>
      <xdr:pic>
        <xdr:nvPicPr>
          <xdr:cNvPr id="4" name="Picture 2" descr="F:\04-高胡滨美工工作\01-宇视Logo\导出\uniview-black.png">
            <a:extLst>
              <a:ext uri="{FF2B5EF4-FFF2-40B4-BE49-F238E27FC236}">
                <a16:creationId xmlns="" xmlns:a16="http://schemas.microsoft.com/office/drawing/2014/main" id="{61259379-5A8D-4C40-9A73-E3639E3247FA}"/>
              </a:ext>
            </a:extLst>
          </xdr:cNvPr>
          <xdr:cNvPicPr>
            <a:picLocks noChangeAspect="1" noChangeArrowheads="1"/>
          </xdr:cNvPicPr>
        </xdr:nvPicPr>
        <xdr:blipFill>
          <a:blip xmlns:r="http://schemas.openxmlformats.org/officeDocument/2006/relationships" r:embed="rId2" cstate="email">
            <a:extLst>
              <a:ext uri="{28A0092B-C50C-407E-A947-70E740481C1C}">
                <a14:useLocalDpi xmlns:a14="http://schemas.microsoft.com/office/drawing/2010/main" xmlns=""/>
              </a:ext>
            </a:extLst>
          </a:blip>
          <a:srcRect/>
          <a:stretch>
            <a:fillRect/>
          </a:stretch>
        </xdr:blipFill>
        <xdr:spPr>
          <a:xfrm rot="20656552">
            <a:off x="5511600" y="5101200"/>
            <a:ext cx="287492" cy="73143"/>
          </a:xfrm>
          <a:prstGeom prst="rect">
            <a:avLst/>
          </a:prstGeom>
          <a:noFill/>
        </xdr:spPr>
      </xdr:pic>
    </xdr:grpSp>
    <xdr:clientData/>
  </xdr:twoCellAnchor>
  <xdr:twoCellAnchor editAs="oneCell">
    <xdr:from>
      <xdr:col>0</xdr:col>
      <xdr:colOff>174812</xdr:colOff>
      <xdr:row>117</xdr:row>
      <xdr:rowOff>296395</xdr:rowOff>
    </xdr:from>
    <xdr:to>
      <xdr:col>0</xdr:col>
      <xdr:colOff>632012</xdr:colOff>
      <xdr:row>117</xdr:row>
      <xdr:rowOff>990599</xdr:rowOff>
    </xdr:to>
    <xdr:pic>
      <xdr:nvPicPr>
        <xdr:cNvPr id="5" name="Picture 2">
          <a:extLst>
            <a:ext uri="{FF2B5EF4-FFF2-40B4-BE49-F238E27FC236}">
              <a16:creationId xmlns="" xmlns:a16="http://schemas.microsoft.com/office/drawing/2014/main" id="{1D89ED39-5FF8-4222-B753-323D860C209C}"/>
            </a:ext>
          </a:extLst>
        </xdr:cNvPr>
        <xdr:cNvPicPr>
          <a:picLocks noChangeArrowheads="1"/>
        </xdr:cNvPicPr>
      </xdr:nvPicPr>
      <xdr:blipFill>
        <a:blip xmlns:r="http://schemas.openxmlformats.org/officeDocument/2006/relationships" r:embed="rId3" cstate="email">
          <a:extLst>
            <a:ext uri="{28A0092B-C50C-407E-A947-70E740481C1C}">
              <a14:useLocalDpi xmlns:a14="http://schemas.microsoft.com/office/drawing/2010/main" xmlns=""/>
            </a:ext>
          </a:extLst>
        </a:blip>
        <a:srcRect/>
        <a:stretch>
          <a:fillRect/>
        </a:stretch>
      </xdr:blipFill>
      <xdr:spPr>
        <a:xfrm>
          <a:off x="174812" y="49235845"/>
          <a:ext cx="457200" cy="694204"/>
        </a:xfrm>
        <a:prstGeom prst="rect">
          <a:avLst/>
        </a:prstGeom>
        <a:noFill/>
        <a:ln w="9525">
          <a:noFill/>
          <a:miter lim="800000"/>
          <a:headEnd/>
          <a:tailEnd/>
        </a:ln>
      </xdr:spPr>
    </xdr:pic>
    <xdr:clientData/>
  </xdr:twoCellAnchor>
  <xdr:twoCellAnchor editAs="oneCell">
    <xdr:from>
      <xdr:col>0</xdr:col>
      <xdr:colOff>180975</xdr:colOff>
      <xdr:row>113</xdr:row>
      <xdr:rowOff>191620</xdr:rowOff>
    </xdr:from>
    <xdr:to>
      <xdr:col>0</xdr:col>
      <xdr:colOff>619125</xdr:colOff>
      <xdr:row>116</xdr:row>
      <xdr:rowOff>10346</xdr:rowOff>
    </xdr:to>
    <xdr:pic>
      <xdr:nvPicPr>
        <xdr:cNvPr id="6" name="Picture 1">
          <a:extLst>
            <a:ext uri="{FF2B5EF4-FFF2-40B4-BE49-F238E27FC236}">
              <a16:creationId xmlns="" xmlns:a16="http://schemas.microsoft.com/office/drawing/2014/main" id="{F432083D-3A88-4C2D-B952-92AD63479183}"/>
            </a:ext>
          </a:extLst>
        </xdr:cNvPr>
        <xdr:cNvPicPr>
          <a:picLocks noChangeAspect="1" noChangeArrowheads="1"/>
        </xdr:cNvPicPr>
      </xdr:nvPicPr>
      <xdr:blipFill>
        <a:blip xmlns:r="http://schemas.openxmlformats.org/officeDocument/2006/relationships" r:embed="rId4" cstate="email">
          <a:extLst>
            <a:ext uri="{28A0092B-C50C-407E-A947-70E740481C1C}">
              <a14:useLocalDpi xmlns:a14="http://schemas.microsoft.com/office/drawing/2010/main" xmlns=""/>
            </a:ext>
          </a:extLst>
        </a:blip>
        <a:srcRect/>
        <a:stretch>
          <a:fillRect/>
        </a:stretch>
      </xdr:blipFill>
      <xdr:spPr>
        <a:xfrm>
          <a:off x="180975" y="48197620"/>
          <a:ext cx="438150" cy="561675"/>
        </a:xfrm>
        <a:prstGeom prst="rect">
          <a:avLst/>
        </a:prstGeom>
        <a:noFill/>
        <a:ln w="9525">
          <a:noFill/>
          <a:miter lim="800000"/>
          <a:headEnd/>
          <a:tailEnd/>
        </a:ln>
      </xdr:spPr>
    </xdr:pic>
    <xdr:clientData/>
  </xdr:twoCellAnchor>
  <xdr:twoCellAnchor editAs="oneCell">
    <xdr:from>
      <xdr:col>0</xdr:col>
      <xdr:colOff>161925</xdr:colOff>
      <xdr:row>141</xdr:row>
      <xdr:rowOff>800100</xdr:rowOff>
    </xdr:from>
    <xdr:to>
      <xdr:col>0</xdr:col>
      <xdr:colOff>721519</xdr:colOff>
      <xdr:row>144</xdr:row>
      <xdr:rowOff>42860</xdr:rowOff>
    </xdr:to>
    <xdr:pic>
      <xdr:nvPicPr>
        <xdr:cNvPr id="7" name="图片 166">
          <a:extLst>
            <a:ext uri="{FF2B5EF4-FFF2-40B4-BE49-F238E27FC236}">
              <a16:creationId xmlns="" xmlns:a16="http://schemas.microsoft.com/office/drawing/2014/main" id="{8EDC51DD-4894-4B0B-BB07-3977F4E69268}"/>
            </a:ext>
          </a:extLst>
        </xdr:cNvPr>
        <xdr:cNvPicPr/>
      </xdr:nvPicPr>
      <xdr:blipFill>
        <a:blip xmlns:r="http://schemas.openxmlformats.org/officeDocument/2006/relationships" r:embed="rId5" cstate="email">
          <a:extLst>
            <a:ext uri="{28A0092B-C50C-407E-A947-70E740481C1C}">
              <a14:useLocalDpi xmlns:a14="http://schemas.microsoft.com/office/drawing/2010/main" xmlns=""/>
            </a:ext>
          </a:extLst>
        </a:blip>
        <a:srcRect/>
        <a:stretch>
          <a:fillRect/>
        </a:stretch>
      </xdr:blipFill>
      <xdr:spPr>
        <a:xfrm>
          <a:off x="161925" y="59524900"/>
          <a:ext cx="559594" cy="684211"/>
        </a:xfrm>
        <a:prstGeom prst="rect">
          <a:avLst/>
        </a:prstGeom>
        <a:noFill/>
        <a:ln w="9525">
          <a:noFill/>
          <a:miter lim="800000"/>
          <a:headEnd/>
          <a:tailEnd/>
        </a:ln>
      </xdr:spPr>
    </xdr:pic>
    <xdr:clientData/>
  </xdr:twoCellAnchor>
  <xdr:oneCellAnchor>
    <xdr:from>
      <xdr:col>4</xdr:col>
      <xdr:colOff>232522</xdr:colOff>
      <xdr:row>141</xdr:row>
      <xdr:rowOff>184897</xdr:rowOff>
    </xdr:from>
    <xdr:ext cx="761826" cy="690576"/>
    <xdr:pic>
      <xdr:nvPicPr>
        <xdr:cNvPr id="8" name="Picture 3">
          <a:extLst>
            <a:ext uri="{FF2B5EF4-FFF2-40B4-BE49-F238E27FC236}">
              <a16:creationId xmlns="" xmlns:a16="http://schemas.microsoft.com/office/drawing/2014/main" id="{91B95A3A-591D-4BB0-8166-8FAC66CCD7E8}"/>
            </a:ext>
          </a:extLst>
        </xdr:cNvPr>
        <xdr:cNvPicPr>
          <a:picLocks noChangeAspect="1" noChangeArrowheads="1"/>
        </xdr:cNvPicPr>
      </xdr:nvPicPr>
      <xdr:blipFill>
        <a:blip xmlns:r="http://schemas.openxmlformats.org/officeDocument/2006/relationships" r:embed="rId6" cstate="email">
          <a:extLst>
            <a:ext uri="{28A0092B-C50C-407E-A947-70E740481C1C}">
              <a14:useLocalDpi xmlns:a14="http://schemas.microsoft.com/office/drawing/2010/main" xmlns=""/>
            </a:ext>
          </a:extLst>
        </a:blip>
        <a:srcRect/>
        <a:stretch>
          <a:fillRect/>
        </a:stretch>
      </xdr:blipFill>
      <xdr:spPr>
        <a:xfrm>
          <a:off x="4550522" y="58909697"/>
          <a:ext cx="761826" cy="690576"/>
        </a:xfrm>
        <a:prstGeom prst="rect">
          <a:avLst/>
        </a:prstGeom>
        <a:noFill/>
        <a:ln w="9525">
          <a:noFill/>
          <a:miter lim="800000"/>
          <a:headEnd/>
          <a:tailEnd/>
        </a:ln>
      </xdr:spPr>
    </xdr:pic>
    <xdr:clientData/>
  </xdr:oneCellAnchor>
  <xdr:twoCellAnchor editAs="oneCell">
    <xdr:from>
      <xdr:col>9</xdr:col>
      <xdr:colOff>285750</xdr:colOff>
      <xdr:row>2</xdr:row>
      <xdr:rowOff>142875</xdr:rowOff>
    </xdr:from>
    <xdr:to>
      <xdr:col>10</xdr:col>
      <xdr:colOff>2074</xdr:colOff>
      <xdr:row>2</xdr:row>
      <xdr:rowOff>934963</xdr:rowOff>
    </xdr:to>
    <xdr:pic>
      <xdr:nvPicPr>
        <xdr:cNvPr id="9" name="图片 168">
          <a:extLst>
            <a:ext uri="{FF2B5EF4-FFF2-40B4-BE49-F238E27FC236}">
              <a16:creationId xmlns="" xmlns:a16="http://schemas.microsoft.com/office/drawing/2014/main" id="{4072CCB5-87EB-402E-B622-9EFE6F714390}"/>
            </a:ext>
          </a:extLst>
        </xdr:cNvPr>
        <xdr:cNvPicPr/>
      </xdr:nvPicPr>
      <xdr:blipFill>
        <a:blip xmlns:r="http://schemas.openxmlformats.org/officeDocument/2006/relationships" r:embed="rId7" cstate="email">
          <a:extLst>
            <a:ext uri="{28A0092B-C50C-407E-A947-70E740481C1C}">
              <a14:useLocalDpi xmlns:a14="http://schemas.microsoft.com/office/drawing/2010/main" xmlns=""/>
            </a:ext>
          </a:extLst>
        </a:blip>
        <a:srcRect/>
        <a:stretch>
          <a:fillRect/>
        </a:stretch>
      </xdr:blipFill>
      <xdr:spPr>
        <a:xfrm>
          <a:off x="10960100" y="517525"/>
          <a:ext cx="808524" cy="792088"/>
        </a:xfrm>
        <a:prstGeom prst="rect">
          <a:avLst/>
        </a:prstGeom>
        <a:noFill/>
        <a:ln w="9525">
          <a:noFill/>
          <a:miter lim="800000"/>
          <a:headEnd/>
          <a:tailEnd/>
        </a:ln>
      </xdr:spPr>
    </xdr:pic>
    <xdr:clientData/>
  </xdr:twoCellAnchor>
  <xdr:twoCellAnchor editAs="oneCell">
    <xdr:from>
      <xdr:col>0</xdr:col>
      <xdr:colOff>219074</xdr:colOff>
      <xdr:row>111</xdr:row>
      <xdr:rowOff>105897</xdr:rowOff>
    </xdr:from>
    <xdr:to>
      <xdr:col>0</xdr:col>
      <xdr:colOff>647699</xdr:colOff>
      <xdr:row>112</xdr:row>
      <xdr:rowOff>591669</xdr:rowOff>
    </xdr:to>
    <xdr:pic>
      <xdr:nvPicPr>
        <xdr:cNvPr id="10" name="图片 169">
          <a:extLst>
            <a:ext uri="{FF2B5EF4-FFF2-40B4-BE49-F238E27FC236}">
              <a16:creationId xmlns="" xmlns:a16="http://schemas.microsoft.com/office/drawing/2014/main" id="{9C846190-539F-421E-815F-4B893AC53EAB}"/>
            </a:ext>
          </a:extLst>
        </xdr:cNvPr>
        <xdr:cNvPicPr/>
      </xdr:nvPicPr>
      <xdr:blipFill>
        <a:blip xmlns:r="http://schemas.openxmlformats.org/officeDocument/2006/relationships" r:embed="rId8" cstate="email">
          <a:extLst>
            <a:ext uri="{28A0092B-C50C-407E-A947-70E740481C1C}">
              <a14:useLocalDpi xmlns:a14="http://schemas.microsoft.com/office/drawing/2010/main" xmlns=""/>
            </a:ext>
          </a:extLst>
        </a:blip>
        <a:srcRect/>
        <a:stretch>
          <a:fillRect/>
        </a:stretch>
      </xdr:blipFill>
      <xdr:spPr>
        <a:xfrm>
          <a:off x="219074" y="47006997"/>
          <a:ext cx="428625" cy="669923"/>
        </a:xfrm>
        <a:prstGeom prst="rect">
          <a:avLst/>
        </a:prstGeom>
        <a:noFill/>
        <a:ln w="9525">
          <a:noFill/>
          <a:miter lim="800000"/>
          <a:headEnd/>
          <a:tailEnd/>
        </a:ln>
      </xdr:spPr>
    </xdr:pic>
    <xdr:clientData/>
  </xdr:twoCellAnchor>
  <xdr:twoCellAnchor>
    <xdr:from>
      <xdr:col>12</xdr:col>
      <xdr:colOff>316918</xdr:colOff>
      <xdr:row>2</xdr:row>
      <xdr:rowOff>274544</xdr:rowOff>
    </xdr:from>
    <xdr:to>
      <xdr:col>12</xdr:col>
      <xdr:colOff>892982</xdr:colOff>
      <xdr:row>2</xdr:row>
      <xdr:rowOff>778600</xdr:rowOff>
    </xdr:to>
    <xdr:pic>
      <xdr:nvPicPr>
        <xdr:cNvPr id="11" name="图片 170">
          <a:extLst>
            <a:ext uri="{FF2B5EF4-FFF2-40B4-BE49-F238E27FC236}">
              <a16:creationId xmlns="" xmlns:a16="http://schemas.microsoft.com/office/drawing/2014/main" id="{5A822205-53AB-4722-8C46-9DB4F8FAE86C}"/>
            </a:ext>
          </a:extLst>
        </xdr:cNvPr>
        <xdr:cNvPicPr/>
      </xdr:nvPicPr>
      <xdr:blipFill>
        <a:blip xmlns:r="http://schemas.openxmlformats.org/officeDocument/2006/relationships" r:embed="rId9" cstate="email">
          <a:extLst>
            <a:ext uri="{28A0092B-C50C-407E-A947-70E740481C1C}">
              <a14:useLocalDpi xmlns:a14="http://schemas.microsoft.com/office/drawing/2010/main" xmlns=""/>
            </a:ext>
          </a:extLst>
        </a:blip>
        <a:srcRect/>
        <a:stretch>
          <a:fillRect/>
        </a:stretch>
      </xdr:blipFill>
      <xdr:spPr>
        <a:xfrm>
          <a:off x="14394868" y="649194"/>
          <a:ext cx="576064" cy="504056"/>
        </a:xfrm>
        <a:prstGeom prst="rect">
          <a:avLst/>
        </a:prstGeom>
        <a:noFill/>
        <a:ln w="9525">
          <a:noFill/>
          <a:miter lim="800000"/>
          <a:headEnd/>
          <a:tailEnd/>
        </a:ln>
      </xdr:spPr>
    </xdr:pic>
    <xdr:clientData/>
  </xdr:twoCellAnchor>
  <xdr:oneCellAnchor>
    <xdr:from>
      <xdr:col>6</xdr:col>
      <xdr:colOff>246530</xdr:colOff>
      <xdr:row>117</xdr:row>
      <xdr:rowOff>25213</xdr:rowOff>
    </xdr:from>
    <xdr:ext cx="720080" cy="936104"/>
    <xdr:pic>
      <xdr:nvPicPr>
        <xdr:cNvPr id="12" name="图片 171">
          <a:extLst>
            <a:ext uri="{FF2B5EF4-FFF2-40B4-BE49-F238E27FC236}">
              <a16:creationId xmlns="" xmlns:a16="http://schemas.microsoft.com/office/drawing/2014/main" id="{E8C61030-DED1-4288-9E81-A4917FA0BD97}"/>
            </a:ext>
          </a:extLst>
        </xdr:cNvPr>
        <xdr:cNvPicPr/>
      </xdr:nvPicPr>
      <xdr:blipFill>
        <a:blip xmlns:r="http://schemas.openxmlformats.org/officeDocument/2006/relationships" r:embed="rId10" cstate="email">
          <a:extLst>
            <a:ext uri="{28A0092B-C50C-407E-A947-70E740481C1C}">
              <a14:useLocalDpi xmlns:a14="http://schemas.microsoft.com/office/drawing/2010/main" xmlns=""/>
            </a:ext>
          </a:extLst>
        </a:blip>
        <a:srcRect/>
        <a:stretch>
          <a:fillRect/>
        </a:stretch>
      </xdr:blipFill>
      <xdr:spPr>
        <a:xfrm>
          <a:off x="6996580" y="48964663"/>
          <a:ext cx="720080" cy="936104"/>
        </a:xfrm>
        <a:prstGeom prst="rect">
          <a:avLst/>
        </a:prstGeom>
        <a:noFill/>
        <a:ln w="9525">
          <a:noFill/>
          <a:miter lim="800000"/>
          <a:headEnd/>
          <a:tailEnd/>
        </a:ln>
      </xdr:spPr>
    </xdr:pic>
    <xdr:clientData/>
  </xdr:oneCellAnchor>
  <xdr:oneCellAnchor>
    <xdr:from>
      <xdr:col>7</xdr:col>
      <xdr:colOff>205067</xdr:colOff>
      <xdr:row>117</xdr:row>
      <xdr:rowOff>68356</xdr:rowOff>
    </xdr:from>
    <xdr:ext cx="720080" cy="815185"/>
    <xdr:pic>
      <xdr:nvPicPr>
        <xdr:cNvPr id="13" name="Picture 1">
          <a:extLst>
            <a:ext uri="{FF2B5EF4-FFF2-40B4-BE49-F238E27FC236}">
              <a16:creationId xmlns="" xmlns:a16="http://schemas.microsoft.com/office/drawing/2014/main" id="{6E5845DF-30AD-47C2-AD82-2E077100B583}"/>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xmlns=""/>
            </a:ext>
          </a:extLst>
        </a:blip>
        <a:srcRect/>
        <a:stretch>
          <a:fillRect/>
        </a:stretch>
      </xdr:blipFill>
      <xdr:spPr>
        <a:xfrm>
          <a:off x="8466417" y="49007806"/>
          <a:ext cx="720080" cy="815185"/>
        </a:xfrm>
        <a:prstGeom prst="rect">
          <a:avLst/>
        </a:prstGeom>
        <a:noFill/>
        <a:ln w="9525">
          <a:noFill/>
          <a:miter lim="800000"/>
          <a:headEnd/>
          <a:tailEnd/>
        </a:ln>
      </xdr:spPr>
    </xdr:pic>
    <xdr:clientData/>
  </xdr:oneCellAnchor>
  <xdr:oneCellAnchor>
    <xdr:from>
      <xdr:col>8</xdr:col>
      <xdr:colOff>224118</xdr:colOff>
      <xdr:row>117</xdr:row>
      <xdr:rowOff>47625</xdr:rowOff>
    </xdr:from>
    <xdr:ext cx="720080" cy="936104"/>
    <xdr:pic>
      <xdr:nvPicPr>
        <xdr:cNvPr id="14" name="图片 173">
          <a:extLst>
            <a:ext uri="{FF2B5EF4-FFF2-40B4-BE49-F238E27FC236}">
              <a16:creationId xmlns="" xmlns:a16="http://schemas.microsoft.com/office/drawing/2014/main" id="{0ADA3B41-8B29-46FC-9FF7-25DF5536CCA6}"/>
            </a:ext>
          </a:extLst>
        </xdr:cNvPr>
        <xdr:cNvPicPr/>
      </xdr:nvPicPr>
      <xdr:blipFill>
        <a:blip xmlns:r="http://schemas.openxmlformats.org/officeDocument/2006/relationships" r:embed="rId10" cstate="email">
          <a:extLst>
            <a:ext uri="{28A0092B-C50C-407E-A947-70E740481C1C}">
              <a14:useLocalDpi xmlns:a14="http://schemas.microsoft.com/office/drawing/2010/main" xmlns=""/>
            </a:ext>
          </a:extLst>
        </a:blip>
        <a:srcRect/>
        <a:stretch>
          <a:fillRect/>
        </a:stretch>
      </xdr:blipFill>
      <xdr:spPr>
        <a:xfrm>
          <a:off x="9806268" y="48987075"/>
          <a:ext cx="720080" cy="936104"/>
        </a:xfrm>
        <a:prstGeom prst="rect">
          <a:avLst/>
        </a:prstGeom>
        <a:noFill/>
        <a:ln w="9525">
          <a:noFill/>
          <a:miter lim="800000"/>
          <a:headEnd/>
          <a:tailEnd/>
        </a:ln>
      </xdr:spPr>
    </xdr:pic>
    <xdr:clientData/>
  </xdr:oneCellAnchor>
  <xdr:oneCellAnchor>
    <xdr:from>
      <xdr:col>9</xdr:col>
      <xdr:colOff>193862</xdr:colOff>
      <xdr:row>117</xdr:row>
      <xdr:rowOff>90767</xdr:rowOff>
    </xdr:from>
    <xdr:ext cx="720080" cy="815185"/>
    <xdr:pic>
      <xdr:nvPicPr>
        <xdr:cNvPr id="15" name="Picture 1">
          <a:extLst>
            <a:ext uri="{FF2B5EF4-FFF2-40B4-BE49-F238E27FC236}">
              <a16:creationId xmlns="" xmlns:a16="http://schemas.microsoft.com/office/drawing/2014/main" id="{5F63E6B7-617B-4E51-A74A-BD72DD927983}"/>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xmlns=""/>
            </a:ext>
          </a:extLst>
        </a:blip>
        <a:srcRect/>
        <a:stretch>
          <a:fillRect/>
        </a:stretch>
      </xdr:blipFill>
      <xdr:spPr>
        <a:xfrm>
          <a:off x="10868212" y="49030217"/>
          <a:ext cx="720080" cy="815185"/>
        </a:xfrm>
        <a:prstGeom prst="rect">
          <a:avLst/>
        </a:prstGeom>
        <a:noFill/>
        <a:ln w="9525">
          <a:noFill/>
          <a:miter lim="800000"/>
          <a:headEnd/>
          <a:tailEnd/>
        </a:ln>
      </xdr:spPr>
    </xdr:pic>
    <xdr:clientData/>
  </xdr:oneCellAnchor>
  <xdr:twoCellAnchor editAs="oneCell">
    <xdr:from>
      <xdr:col>0</xdr:col>
      <xdr:colOff>266700</xdr:colOff>
      <xdr:row>52</xdr:row>
      <xdr:rowOff>0</xdr:rowOff>
    </xdr:from>
    <xdr:to>
      <xdr:col>0</xdr:col>
      <xdr:colOff>804707</xdr:colOff>
      <xdr:row>54</xdr:row>
      <xdr:rowOff>119484</xdr:rowOff>
    </xdr:to>
    <xdr:pic>
      <xdr:nvPicPr>
        <xdr:cNvPr id="16" name="图片 175" descr="\\info-server\产品资料库\09-01-产品图片库\01-国内\01-摄像机\HIC8631DF_VIR\HIC8631DF_VIR.png">
          <a:extLst>
            <a:ext uri="{FF2B5EF4-FFF2-40B4-BE49-F238E27FC236}">
              <a16:creationId xmlns="" xmlns:a16="http://schemas.microsoft.com/office/drawing/2014/main" id="{196ACB93-2104-4852-857B-E7998EE60D8A}"/>
            </a:ext>
          </a:extLst>
        </xdr:cNvPr>
        <xdr:cNvPicPr/>
      </xdr:nvPicPr>
      <xdr:blipFill>
        <a:blip xmlns:r="http://schemas.openxmlformats.org/officeDocument/2006/relationships" r:embed="rId12" cstate="email">
          <a:extLst>
            <a:ext uri="{28A0092B-C50C-407E-A947-70E740481C1C}">
              <a14:useLocalDpi xmlns:a14="http://schemas.microsoft.com/office/drawing/2010/main" xmlns=""/>
            </a:ext>
          </a:extLst>
        </a:blip>
        <a:srcRect/>
        <a:stretch>
          <a:fillRect/>
        </a:stretch>
      </xdr:blipFill>
      <xdr:spPr>
        <a:xfrm>
          <a:off x="266700" y="23247350"/>
          <a:ext cx="538007" cy="487784"/>
        </a:xfrm>
        <a:prstGeom prst="rect">
          <a:avLst/>
        </a:prstGeom>
        <a:noFill/>
        <a:ln>
          <a:noFill/>
        </a:ln>
      </xdr:spPr>
    </xdr:pic>
    <xdr:clientData/>
  </xdr:twoCellAnchor>
  <xdr:twoCellAnchor editAs="oneCell">
    <xdr:from>
      <xdr:col>6</xdr:col>
      <xdr:colOff>0</xdr:colOff>
      <xdr:row>43</xdr:row>
      <xdr:rowOff>0</xdr:rowOff>
    </xdr:from>
    <xdr:to>
      <xdr:col>6</xdr:col>
      <xdr:colOff>715865</xdr:colOff>
      <xdr:row>43</xdr:row>
      <xdr:rowOff>0</xdr:rowOff>
    </xdr:to>
    <xdr:pic>
      <xdr:nvPicPr>
        <xdr:cNvPr id="17" name="图片 176">
          <a:extLst>
            <a:ext uri="{FF2B5EF4-FFF2-40B4-BE49-F238E27FC236}">
              <a16:creationId xmlns="" xmlns:a16="http://schemas.microsoft.com/office/drawing/2014/main" id="{27DDFAA5-1300-4753-9FB4-88BF9D0C4FE2}"/>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xmlns=""/>
            </a:ext>
          </a:extLst>
        </a:blip>
        <a:srcRect/>
        <a:stretch>
          <a:fillRect/>
        </a:stretch>
      </xdr:blipFill>
      <xdr:spPr>
        <a:xfrm>
          <a:off x="6750050" y="18491200"/>
          <a:ext cx="715865" cy="0"/>
        </a:xfrm>
        <a:prstGeom prst="rect">
          <a:avLst/>
        </a:prstGeom>
        <a:noFill/>
        <a:ln w="9525">
          <a:noFill/>
          <a:miter lim="800000"/>
          <a:headEnd/>
          <a:tailEnd/>
        </a:ln>
      </xdr:spPr>
    </xdr:pic>
    <xdr:clientData/>
  </xdr:twoCellAnchor>
  <xdr:twoCellAnchor editAs="oneCell">
    <xdr:from>
      <xdr:col>0</xdr:col>
      <xdr:colOff>100852</xdr:colOff>
      <xdr:row>44</xdr:row>
      <xdr:rowOff>78442</xdr:rowOff>
    </xdr:from>
    <xdr:to>
      <xdr:col>0</xdr:col>
      <xdr:colOff>873610</xdr:colOff>
      <xdr:row>45</xdr:row>
      <xdr:rowOff>112051</xdr:rowOff>
    </xdr:to>
    <xdr:pic>
      <xdr:nvPicPr>
        <xdr:cNvPr id="18" name="图片 177">
          <a:extLst>
            <a:ext uri="{FF2B5EF4-FFF2-40B4-BE49-F238E27FC236}">
              <a16:creationId xmlns="" xmlns:a16="http://schemas.microsoft.com/office/drawing/2014/main" id="{A0A0F078-B309-4D47-8A44-61959467DBC6}"/>
            </a:ext>
          </a:extLst>
        </xdr:cNvPr>
        <xdr:cNvPicPr/>
      </xdr:nvPicPr>
      <xdr:blipFill>
        <a:blip xmlns:r="http://schemas.openxmlformats.org/officeDocument/2006/relationships" r:embed="rId14" cstate="email">
          <a:extLst>
            <a:ext uri="{28A0092B-C50C-407E-A947-70E740481C1C}">
              <a14:useLocalDpi xmlns:a14="http://schemas.microsoft.com/office/drawing/2010/main" xmlns=""/>
            </a:ext>
          </a:extLst>
        </a:blip>
        <a:srcRect/>
        <a:stretch>
          <a:fillRect/>
        </a:stretch>
      </xdr:blipFill>
      <xdr:spPr>
        <a:xfrm>
          <a:off x="100852" y="19407842"/>
          <a:ext cx="772758" cy="401909"/>
        </a:xfrm>
        <a:prstGeom prst="rect">
          <a:avLst/>
        </a:prstGeom>
        <a:ln>
          <a:noFill/>
        </a:ln>
      </xdr:spPr>
    </xdr:pic>
    <xdr:clientData/>
  </xdr:twoCellAnchor>
  <xdr:twoCellAnchor editAs="oneCell">
    <xdr:from>
      <xdr:col>2</xdr:col>
      <xdr:colOff>246530</xdr:colOff>
      <xdr:row>125</xdr:row>
      <xdr:rowOff>236444</xdr:rowOff>
    </xdr:from>
    <xdr:to>
      <xdr:col>2</xdr:col>
      <xdr:colOff>894602</xdr:colOff>
      <xdr:row>125</xdr:row>
      <xdr:rowOff>657015</xdr:rowOff>
    </xdr:to>
    <xdr:pic>
      <xdr:nvPicPr>
        <xdr:cNvPr id="19" name="Picture 2">
          <a:extLst>
            <a:ext uri="{FF2B5EF4-FFF2-40B4-BE49-F238E27FC236}">
              <a16:creationId xmlns="" xmlns:a16="http://schemas.microsoft.com/office/drawing/2014/main" id="{14C234C7-B0F0-48A6-9536-9DBECAB18C56}"/>
            </a:ext>
          </a:extLst>
        </xdr:cNvPr>
        <xdr:cNvPicPr>
          <a:picLocks noChangeAspect="1" noChangeArrowheads="1"/>
        </xdr:cNvPicPr>
      </xdr:nvPicPr>
      <xdr:blipFill>
        <a:blip xmlns:r="http://schemas.openxmlformats.org/officeDocument/2006/relationships" r:embed="rId15" cstate="email">
          <a:extLst>
            <a:ext uri="{28A0092B-C50C-407E-A947-70E740481C1C}">
              <a14:useLocalDpi xmlns:a14="http://schemas.microsoft.com/office/drawing/2010/main" xmlns=""/>
            </a:ext>
          </a:extLst>
        </a:blip>
        <a:srcRect/>
        <a:stretch>
          <a:fillRect/>
        </a:stretch>
      </xdr:blipFill>
      <xdr:spPr>
        <a:xfrm>
          <a:off x="2151530" y="52579494"/>
          <a:ext cx="648072" cy="420571"/>
        </a:xfrm>
        <a:prstGeom prst="rect">
          <a:avLst/>
        </a:prstGeom>
        <a:noFill/>
      </xdr:spPr>
    </xdr:pic>
    <xdr:clientData/>
  </xdr:twoCellAnchor>
  <xdr:twoCellAnchor editAs="oneCell">
    <xdr:from>
      <xdr:col>5</xdr:col>
      <xdr:colOff>478491</xdr:colOff>
      <xdr:row>125</xdr:row>
      <xdr:rowOff>95250</xdr:rowOff>
    </xdr:from>
    <xdr:to>
      <xdr:col>5</xdr:col>
      <xdr:colOff>613255</xdr:colOff>
      <xdr:row>125</xdr:row>
      <xdr:rowOff>1104900</xdr:rowOff>
    </xdr:to>
    <xdr:pic>
      <xdr:nvPicPr>
        <xdr:cNvPr id="20" name="Picture 20">
          <a:extLst>
            <a:ext uri="{FF2B5EF4-FFF2-40B4-BE49-F238E27FC236}">
              <a16:creationId xmlns="" xmlns:a16="http://schemas.microsoft.com/office/drawing/2014/main" id="{2C402C46-B24F-450B-8F66-30FA96B0916D}"/>
            </a:ext>
          </a:extLst>
        </xdr:cNvPr>
        <xdr:cNvPicPr>
          <a:picLocks noChangeAspect="1" noChangeArrowheads="1"/>
        </xdr:cNvPicPr>
      </xdr:nvPicPr>
      <xdr:blipFill>
        <a:blip xmlns:r="http://schemas.openxmlformats.org/officeDocument/2006/relationships" r:embed="rId16" cstate="email">
          <a:extLst>
            <a:ext uri="{28A0092B-C50C-407E-A947-70E740481C1C}">
              <a14:useLocalDpi xmlns:a14="http://schemas.microsoft.com/office/drawing/2010/main" xmlns=""/>
            </a:ext>
          </a:extLst>
        </a:blip>
        <a:srcRect/>
        <a:stretch>
          <a:fillRect/>
        </a:stretch>
      </xdr:blipFill>
      <xdr:spPr>
        <a:xfrm>
          <a:off x="5977591" y="52438300"/>
          <a:ext cx="134764" cy="1009650"/>
        </a:xfrm>
        <a:prstGeom prst="rect">
          <a:avLst/>
        </a:prstGeom>
        <a:noFill/>
      </xdr:spPr>
    </xdr:pic>
    <xdr:clientData/>
  </xdr:twoCellAnchor>
  <xdr:oneCellAnchor>
    <xdr:from>
      <xdr:col>5</xdr:col>
      <xdr:colOff>280147</xdr:colOff>
      <xdr:row>133</xdr:row>
      <xdr:rowOff>47625</xdr:rowOff>
    </xdr:from>
    <xdr:ext cx="720080" cy="936104"/>
    <xdr:pic>
      <xdr:nvPicPr>
        <xdr:cNvPr id="21" name="图片 180">
          <a:extLst>
            <a:ext uri="{FF2B5EF4-FFF2-40B4-BE49-F238E27FC236}">
              <a16:creationId xmlns="" xmlns:a16="http://schemas.microsoft.com/office/drawing/2014/main" id="{F382D561-31F0-4AAE-853C-6556D955C3A9}"/>
            </a:ext>
          </a:extLst>
        </xdr:cNvPr>
        <xdr:cNvPicPr/>
      </xdr:nvPicPr>
      <xdr:blipFill>
        <a:blip xmlns:r="http://schemas.openxmlformats.org/officeDocument/2006/relationships" r:embed="rId10" cstate="email">
          <a:extLst>
            <a:ext uri="{28A0092B-C50C-407E-A947-70E740481C1C}">
              <a14:useLocalDpi xmlns:a14="http://schemas.microsoft.com/office/drawing/2010/main" xmlns=""/>
            </a:ext>
          </a:extLst>
        </a:blip>
        <a:srcRect/>
        <a:stretch>
          <a:fillRect/>
        </a:stretch>
      </xdr:blipFill>
      <xdr:spPr>
        <a:xfrm>
          <a:off x="5779247" y="55629175"/>
          <a:ext cx="720080" cy="936104"/>
        </a:xfrm>
        <a:prstGeom prst="rect">
          <a:avLst/>
        </a:prstGeom>
        <a:noFill/>
        <a:ln w="9525">
          <a:noFill/>
          <a:miter lim="800000"/>
          <a:headEnd/>
          <a:tailEnd/>
        </a:ln>
      </xdr:spPr>
    </xdr:pic>
    <xdr:clientData/>
  </xdr:oneCellAnchor>
  <xdr:oneCellAnchor>
    <xdr:from>
      <xdr:col>6</xdr:col>
      <xdr:colOff>249892</xdr:colOff>
      <xdr:row>133</xdr:row>
      <xdr:rowOff>113180</xdr:rowOff>
    </xdr:from>
    <xdr:ext cx="720080" cy="815185"/>
    <xdr:pic>
      <xdr:nvPicPr>
        <xdr:cNvPr id="22" name="Picture 1">
          <a:extLst>
            <a:ext uri="{FF2B5EF4-FFF2-40B4-BE49-F238E27FC236}">
              <a16:creationId xmlns="" xmlns:a16="http://schemas.microsoft.com/office/drawing/2014/main" id="{A62EE4A5-7DCD-418D-861B-64B6FC191E4B}"/>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xmlns=""/>
            </a:ext>
          </a:extLst>
        </a:blip>
        <a:srcRect/>
        <a:stretch>
          <a:fillRect/>
        </a:stretch>
      </xdr:blipFill>
      <xdr:spPr>
        <a:xfrm>
          <a:off x="6999942" y="55694730"/>
          <a:ext cx="720080" cy="815185"/>
        </a:xfrm>
        <a:prstGeom prst="rect">
          <a:avLst/>
        </a:prstGeom>
        <a:noFill/>
        <a:ln w="9525">
          <a:noFill/>
          <a:miter lim="800000"/>
          <a:headEnd/>
          <a:tailEnd/>
        </a:ln>
      </xdr:spPr>
    </xdr:pic>
    <xdr:clientData/>
  </xdr:oneCellAnchor>
  <xdr:oneCellAnchor>
    <xdr:from>
      <xdr:col>7</xdr:col>
      <xdr:colOff>246529</xdr:colOff>
      <xdr:row>133</xdr:row>
      <xdr:rowOff>47625</xdr:rowOff>
    </xdr:from>
    <xdr:ext cx="720080" cy="936104"/>
    <xdr:pic>
      <xdr:nvPicPr>
        <xdr:cNvPr id="23" name="图片 182">
          <a:extLst>
            <a:ext uri="{FF2B5EF4-FFF2-40B4-BE49-F238E27FC236}">
              <a16:creationId xmlns="" xmlns:a16="http://schemas.microsoft.com/office/drawing/2014/main" id="{B9BDA432-2CF3-433B-96B7-1E2BE1205EFE}"/>
            </a:ext>
          </a:extLst>
        </xdr:cNvPr>
        <xdr:cNvPicPr/>
      </xdr:nvPicPr>
      <xdr:blipFill>
        <a:blip xmlns:r="http://schemas.openxmlformats.org/officeDocument/2006/relationships" r:embed="rId10" cstate="email">
          <a:extLst>
            <a:ext uri="{28A0092B-C50C-407E-A947-70E740481C1C}">
              <a14:useLocalDpi xmlns:a14="http://schemas.microsoft.com/office/drawing/2010/main" xmlns=""/>
            </a:ext>
          </a:extLst>
        </a:blip>
        <a:srcRect/>
        <a:stretch>
          <a:fillRect/>
        </a:stretch>
      </xdr:blipFill>
      <xdr:spPr>
        <a:xfrm>
          <a:off x="8507879" y="55629175"/>
          <a:ext cx="720080" cy="936104"/>
        </a:xfrm>
        <a:prstGeom prst="rect">
          <a:avLst/>
        </a:prstGeom>
        <a:noFill/>
        <a:ln w="9525">
          <a:noFill/>
          <a:miter lim="800000"/>
          <a:headEnd/>
          <a:tailEnd/>
        </a:ln>
      </xdr:spPr>
    </xdr:pic>
    <xdr:clientData/>
  </xdr:oneCellAnchor>
  <xdr:oneCellAnchor>
    <xdr:from>
      <xdr:col>8</xdr:col>
      <xdr:colOff>182656</xdr:colOff>
      <xdr:row>133</xdr:row>
      <xdr:rowOff>113179</xdr:rowOff>
    </xdr:from>
    <xdr:ext cx="720080" cy="815185"/>
    <xdr:pic>
      <xdr:nvPicPr>
        <xdr:cNvPr id="24" name="Picture 1">
          <a:extLst>
            <a:ext uri="{FF2B5EF4-FFF2-40B4-BE49-F238E27FC236}">
              <a16:creationId xmlns="" xmlns:a16="http://schemas.microsoft.com/office/drawing/2014/main" id="{CE8131F0-CAC7-47D7-9C21-7470E89F588A}"/>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xmlns=""/>
            </a:ext>
          </a:extLst>
        </a:blip>
        <a:srcRect/>
        <a:stretch>
          <a:fillRect/>
        </a:stretch>
      </xdr:blipFill>
      <xdr:spPr>
        <a:xfrm>
          <a:off x="9764806" y="55694729"/>
          <a:ext cx="720080" cy="815185"/>
        </a:xfrm>
        <a:prstGeom prst="rect">
          <a:avLst/>
        </a:prstGeom>
        <a:noFill/>
        <a:ln w="9525">
          <a:noFill/>
          <a:miter lim="800000"/>
          <a:headEnd/>
          <a:tailEnd/>
        </a:ln>
      </xdr:spPr>
    </xdr:pic>
    <xdr:clientData/>
  </xdr:oneCellAnchor>
  <xdr:twoCellAnchor editAs="oneCell">
    <xdr:from>
      <xdr:col>0</xdr:col>
      <xdr:colOff>257735</xdr:colOff>
      <xdr:row>129</xdr:row>
      <xdr:rowOff>228600</xdr:rowOff>
    </xdr:from>
    <xdr:to>
      <xdr:col>0</xdr:col>
      <xdr:colOff>689783</xdr:colOff>
      <xdr:row>132</xdr:row>
      <xdr:rowOff>174154</xdr:rowOff>
    </xdr:to>
    <xdr:pic>
      <xdr:nvPicPr>
        <xdr:cNvPr id="25" name="图片 184" descr="\\info-server\产品资料库\09-01-产品图片库\01-国内\01-摄像机\HIC6821-HX22IR\png\HIC6821-HX22IR_F.png">
          <a:extLst>
            <a:ext uri="{FF2B5EF4-FFF2-40B4-BE49-F238E27FC236}">
              <a16:creationId xmlns="" xmlns:a16="http://schemas.microsoft.com/office/drawing/2014/main" id="{301D3587-74B7-44AC-A65C-28201E0ECC9A}"/>
            </a:ext>
          </a:extLst>
        </xdr:cNvPr>
        <xdr:cNvPicPr/>
      </xdr:nvPicPr>
      <xdr:blipFill>
        <a:blip xmlns:r="http://schemas.openxmlformats.org/officeDocument/2006/relationships" r:embed="rId17" cstate="email">
          <a:extLst>
            <a:ext uri="{28A0092B-C50C-407E-A947-70E740481C1C}">
              <a14:useLocalDpi xmlns:a14="http://schemas.microsoft.com/office/drawing/2010/main" xmlns=""/>
            </a:ext>
          </a:extLst>
        </a:blip>
        <a:srcRect/>
        <a:stretch>
          <a:fillRect/>
        </a:stretch>
      </xdr:blipFill>
      <xdr:spPr>
        <a:xfrm>
          <a:off x="257735" y="54876700"/>
          <a:ext cx="432048" cy="688503"/>
        </a:xfrm>
        <a:prstGeom prst="rect">
          <a:avLst/>
        </a:prstGeom>
        <a:noFill/>
        <a:ln>
          <a:noFill/>
        </a:ln>
      </xdr:spPr>
    </xdr:pic>
    <xdr:clientData/>
  </xdr:twoCellAnchor>
  <xdr:oneCellAnchor>
    <xdr:from>
      <xdr:col>4</xdr:col>
      <xdr:colOff>571500</xdr:colOff>
      <xdr:row>19</xdr:row>
      <xdr:rowOff>222885</xdr:rowOff>
    </xdr:from>
    <xdr:ext cx="350520" cy="448310"/>
    <xdr:pic>
      <xdr:nvPicPr>
        <xdr:cNvPr id="26" name="图片 185" descr="134345546">
          <a:extLst>
            <a:ext uri="{FF2B5EF4-FFF2-40B4-BE49-F238E27FC236}">
              <a16:creationId xmlns="" xmlns:a16="http://schemas.microsoft.com/office/drawing/2014/main" id="{392762EB-AAC8-45F5-A90D-4E1B217F98D0}"/>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4889500" y="7480935"/>
          <a:ext cx="350520" cy="448310"/>
        </a:xfrm>
        <a:prstGeom prst="rect">
          <a:avLst/>
        </a:prstGeom>
      </xdr:spPr>
    </xdr:pic>
    <xdr:clientData/>
  </xdr:oneCellAnchor>
  <xdr:oneCellAnchor>
    <xdr:from>
      <xdr:col>5</xdr:col>
      <xdr:colOff>437030</xdr:colOff>
      <xdr:row>35</xdr:row>
      <xdr:rowOff>257737</xdr:rowOff>
    </xdr:from>
    <xdr:ext cx="350520" cy="448310"/>
    <xdr:pic>
      <xdr:nvPicPr>
        <xdr:cNvPr id="27" name="图片 186" descr="134345546">
          <a:extLst>
            <a:ext uri="{FF2B5EF4-FFF2-40B4-BE49-F238E27FC236}">
              <a16:creationId xmlns="" xmlns:a16="http://schemas.microsoft.com/office/drawing/2014/main" id="{56F3A286-81AC-41D4-8A5E-A2C872A54A2B}"/>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5936130" y="15072287"/>
          <a:ext cx="350520" cy="448310"/>
        </a:xfrm>
        <a:prstGeom prst="rect">
          <a:avLst/>
        </a:prstGeom>
      </xdr:spPr>
    </xdr:pic>
    <xdr:clientData/>
  </xdr:oneCellAnchor>
  <xdr:oneCellAnchor>
    <xdr:from>
      <xdr:col>5</xdr:col>
      <xdr:colOff>414618</xdr:colOff>
      <xdr:row>68</xdr:row>
      <xdr:rowOff>324972</xdr:rowOff>
    </xdr:from>
    <xdr:ext cx="350520" cy="448310"/>
    <xdr:pic>
      <xdr:nvPicPr>
        <xdr:cNvPr id="28" name="图片 187" descr="134345546">
          <a:extLst>
            <a:ext uri="{FF2B5EF4-FFF2-40B4-BE49-F238E27FC236}">
              <a16:creationId xmlns="" xmlns:a16="http://schemas.microsoft.com/office/drawing/2014/main" id="{F174E906-CC47-44A0-A3D5-57C2694C42E9}"/>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5913718" y="30100122"/>
          <a:ext cx="350520" cy="448310"/>
        </a:xfrm>
        <a:prstGeom prst="rect">
          <a:avLst/>
        </a:prstGeom>
      </xdr:spPr>
    </xdr:pic>
    <xdr:clientData/>
  </xdr:oneCellAnchor>
  <xdr:oneCellAnchor>
    <xdr:from>
      <xdr:col>4</xdr:col>
      <xdr:colOff>414617</xdr:colOff>
      <xdr:row>43</xdr:row>
      <xdr:rowOff>67236</xdr:rowOff>
    </xdr:from>
    <xdr:ext cx="350520" cy="448310"/>
    <xdr:pic>
      <xdr:nvPicPr>
        <xdr:cNvPr id="29" name="图片 188" descr="134345546">
          <a:extLst>
            <a:ext uri="{FF2B5EF4-FFF2-40B4-BE49-F238E27FC236}">
              <a16:creationId xmlns="" xmlns:a16="http://schemas.microsoft.com/office/drawing/2014/main" id="{9617F1EF-D944-4678-A907-8469DEC67BC8}"/>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4732617" y="18558436"/>
          <a:ext cx="350520" cy="448310"/>
        </a:xfrm>
        <a:prstGeom prst="rect">
          <a:avLst/>
        </a:prstGeom>
      </xdr:spPr>
    </xdr:pic>
    <xdr:clientData/>
  </xdr:oneCellAnchor>
  <xdr:oneCellAnchor>
    <xdr:from>
      <xdr:col>3</xdr:col>
      <xdr:colOff>481965</xdr:colOff>
      <xdr:row>51</xdr:row>
      <xdr:rowOff>256540</xdr:rowOff>
    </xdr:from>
    <xdr:ext cx="350520" cy="448310"/>
    <xdr:pic>
      <xdr:nvPicPr>
        <xdr:cNvPr id="30" name="图片 189" descr="134345546">
          <a:extLst>
            <a:ext uri="{FF2B5EF4-FFF2-40B4-BE49-F238E27FC236}">
              <a16:creationId xmlns="" xmlns:a16="http://schemas.microsoft.com/office/drawing/2014/main" id="{F88C151F-30AF-4466-84C6-D1B3FF9EA429}"/>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3593465" y="22360890"/>
          <a:ext cx="350520" cy="448310"/>
        </a:xfrm>
        <a:prstGeom prst="rect">
          <a:avLst/>
        </a:prstGeom>
      </xdr:spPr>
    </xdr:pic>
    <xdr:clientData/>
  </xdr:oneCellAnchor>
  <xdr:oneCellAnchor>
    <xdr:from>
      <xdr:col>4</xdr:col>
      <xdr:colOff>414618</xdr:colOff>
      <xdr:row>91</xdr:row>
      <xdr:rowOff>324972</xdr:rowOff>
    </xdr:from>
    <xdr:ext cx="350520" cy="448310"/>
    <xdr:pic>
      <xdr:nvPicPr>
        <xdr:cNvPr id="31" name="图片 190" descr="134345546">
          <a:extLst>
            <a:ext uri="{FF2B5EF4-FFF2-40B4-BE49-F238E27FC236}">
              <a16:creationId xmlns="" xmlns:a16="http://schemas.microsoft.com/office/drawing/2014/main" id="{2D63B14D-40D1-443F-B9D8-0644BE6B6358}"/>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4732618" y="39186972"/>
          <a:ext cx="350520" cy="448310"/>
        </a:xfrm>
        <a:prstGeom prst="rect">
          <a:avLst/>
        </a:prstGeom>
      </xdr:spPr>
    </xdr:pic>
    <xdr:clientData/>
  </xdr:oneCellAnchor>
  <xdr:oneCellAnchor>
    <xdr:from>
      <xdr:col>5</xdr:col>
      <xdr:colOff>0</xdr:colOff>
      <xdr:row>35</xdr:row>
      <xdr:rowOff>238125</xdr:rowOff>
    </xdr:from>
    <xdr:ext cx="713943" cy="0"/>
    <xdr:pic>
      <xdr:nvPicPr>
        <xdr:cNvPr id="32" name="图片 191">
          <a:extLst>
            <a:ext uri="{FF2B5EF4-FFF2-40B4-BE49-F238E27FC236}">
              <a16:creationId xmlns="" xmlns:a16="http://schemas.microsoft.com/office/drawing/2014/main" id="{41D2526B-20EC-400D-8BBA-431A823FC05A}"/>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xmlns=""/>
            </a:ext>
          </a:extLst>
        </a:blip>
        <a:srcRect/>
        <a:stretch>
          <a:fillRect/>
        </a:stretch>
      </xdr:blipFill>
      <xdr:spPr>
        <a:xfrm>
          <a:off x="5499100" y="15052675"/>
          <a:ext cx="713943" cy="0"/>
        </a:xfrm>
        <a:prstGeom prst="rect">
          <a:avLst/>
        </a:prstGeom>
        <a:noFill/>
        <a:ln w="9525">
          <a:noFill/>
          <a:miter lim="800000"/>
          <a:headEnd/>
          <a:tailEnd/>
        </a:ln>
      </xdr:spPr>
    </xdr:pic>
    <xdr:clientData/>
  </xdr:oneCellAnchor>
  <xdr:twoCellAnchor editAs="oneCell">
    <xdr:from>
      <xdr:col>0</xdr:col>
      <xdr:colOff>266700</xdr:colOff>
      <xdr:row>60</xdr:row>
      <xdr:rowOff>0</xdr:rowOff>
    </xdr:from>
    <xdr:to>
      <xdr:col>0</xdr:col>
      <xdr:colOff>804707</xdr:colOff>
      <xdr:row>62</xdr:row>
      <xdr:rowOff>119484</xdr:rowOff>
    </xdr:to>
    <xdr:pic>
      <xdr:nvPicPr>
        <xdr:cNvPr id="33" name="图片 192" descr="\\info-server\产品资料库\09-01-产品图片库\01-国内\01-摄像机\HIC8631DF_VIR\HIC8631DF_VIR.png">
          <a:extLst>
            <a:ext uri="{FF2B5EF4-FFF2-40B4-BE49-F238E27FC236}">
              <a16:creationId xmlns="" xmlns:a16="http://schemas.microsoft.com/office/drawing/2014/main" id="{5D107D4B-A199-4BD7-8E6B-E6507DCAB888}"/>
            </a:ext>
          </a:extLst>
        </xdr:cNvPr>
        <xdr:cNvPicPr/>
      </xdr:nvPicPr>
      <xdr:blipFill>
        <a:blip xmlns:r="http://schemas.openxmlformats.org/officeDocument/2006/relationships" r:embed="rId12" cstate="email">
          <a:extLst>
            <a:ext uri="{28A0092B-C50C-407E-A947-70E740481C1C}">
              <a14:useLocalDpi xmlns:a14="http://schemas.microsoft.com/office/drawing/2010/main" xmlns=""/>
            </a:ext>
          </a:extLst>
        </a:blip>
        <a:srcRect/>
        <a:stretch>
          <a:fillRect/>
        </a:stretch>
      </xdr:blipFill>
      <xdr:spPr>
        <a:xfrm>
          <a:off x="266700" y="27000200"/>
          <a:ext cx="538007" cy="487784"/>
        </a:xfrm>
        <a:prstGeom prst="rect">
          <a:avLst/>
        </a:prstGeom>
        <a:noFill/>
        <a:ln>
          <a:noFill/>
        </a:ln>
      </xdr:spPr>
    </xdr:pic>
    <xdr:clientData/>
  </xdr:twoCellAnchor>
  <xdr:oneCellAnchor>
    <xdr:from>
      <xdr:col>3</xdr:col>
      <xdr:colOff>514985</xdr:colOff>
      <xdr:row>59</xdr:row>
      <xdr:rowOff>267970</xdr:rowOff>
    </xdr:from>
    <xdr:ext cx="350520" cy="448310"/>
    <xdr:pic>
      <xdr:nvPicPr>
        <xdr:cNvPr id="34" name="图片 193" descr="134345546">
          <a:extLst>
            <a:ext uri="{FF2B5EF4-FFF2-40B4-BE49-F238E27FC236}">
              <a16:creationId xmlns="" xmlns:a16="http://schemas.microsoft.com/office/drawing/2014/main" id="{72D2B95D-6F95-4356-97DD-291CCFC79531}"/>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3626485" y="26106120"/>
          <a:ext cx="350520" cy="448310"/>
        </a:xfrm>
        <a:prstGeom prst="rect">
          <a:avLst/>
        </a:prstGeom>
      </xdr:spPr>
    </xdr:pic>
    <xdr:clientData/>
  </xdr:oneCellAnchor>
  <xdr:oneCellAnchor>
    <xdr:from>
      <xdr:col>2</xdr:col>
      <xdr:colOff>361950</xdr:colOff>
      <xdr:row>59</xdr:row>
      <xdr:rowOff>238125</xdr:rowOff>
    </xdr:from>
    <xdr:ext cx="713943" cy="0"/>
    <xdr:pic>
      <xdr:nvPicPr>
        <xdr:cNvPr id="35" name="图片 194">
          <a:extLst>
            <a:ext uri="{FF2B5EF4-FFF2-40B4-BE49-F238E27FC236}">
              <a16:creationId xmlns="" xmlns:a16="http://schemas.microsoft.com/office/drawing/2014/main" id="{B2449DEB-D371-46EF-B88C-9DB02D9F9774}"/>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xmlns=""/>
            </a:ext>
          </a:extLst>
        </a:blip>
        <a:srcRect/>
        <a:stretch>
          <a:fillRect/>
        </a:stretch>
      </xdr:blipFill>
      <xdr:spPr>
        <a:xfrm>
          <a:off x="2266950" y="26076275"/>
          <a:ext cx="713943" cy="0"/>
        </a:xfrm>
        <a:prstGeom prst="rect">
          <a:avLst/>
        </a:prstGeom>
        <a:noFill/>
        <a:ln w="9525">
          <a:noFill/>
          <a:miter lim="800000"/>
          <a:headEnd/>
          <a:tailEnd/>
        </a:ln>
      </xdr:spPr>
    </xdr:pic>
    <xdr:clientData/>
  </xdr:oneCellAnchor>
  <xdr:twoCellAnchor>
    <xdr:from>
      <xdr:col>0</xdr:col>
      <xdr:colOff>196664</xdr:colOff>
      <xdr:row>109</xdr:row>
      <xdr:rowOff>299220</xdr:rowOff>
    </xdr:from>
    <xdr:to>
      <xdr:col>0</xdr:col>
      <xdr:colOff>672353</xdr:colOff>
      <xdr:row>110</xdr:row>
      <xdr:rowOff>25212</xdr:rowOff>
    </xdr:to>
    <xdr:pic>
      <xdr:nvPicPr>
        <xdr:cNvPr id="36" name="图片 195" descr="\\info-server\产品资料库\09-01-产品图片库\01-国内\01-摄像机\UNIVIEW HIC6622HX22-5CIR\png-用于胶片或网站\HIC6622HX22-5CIR_F.png">
          <a:extLst>
            <a:ext uri="{FF2B5EF4-FFF2-40B4-BE49-F238E27FC236}">
              <a16:creationId xmlns="" xmlns:a16="http://schemas.microsoft.com/office/drawing/2014/main" id="{C99AC7B2-9F54-45BE-AB0F-601838311BC2}"/>
            </a:ext>
          </a:extLst>
        </xdr:cNvPr>
        <xdr:cNvPicPr>
          <a:picLocks noChangeAspect="1"/>
        </xdr:cNvPicPr>
      </xdr:nvPicPr>
      <xdr:blipFill>
        <a:blip xmlns:r="http://schemas.openxmlformats.org/officeDocument/2006/relationships" r:embed="rId19" cstate="email">
          <a:extLst>
            <a:ext uri="{28A0092B-C50C-407E-A947-70E740481C1C}">
              <a14:useLocalDpi xmlns:a14="http://schemas.microsoft.com/office/drawing/2010/main" xmlns=""/>
            </a:ext>
          </a:extLst>
        </a:blip>
        <a:srcRect/>
        <a:stretch>
          <a:fillRect/>
        </a:stretch>
      </xdr:blipFill>
      <xdr:spPr>
        <a:xfrm>
          <a:off x="196664" y="45892220"/>
          <a:ext cx="475689" cy="849942"/>
        </a:xfrm>
        <a:prstGeom prst="rect">
          <a:avLst/>
        </a:prstGeom>
        <a:noFill/>
        <a:ln w="9525">
          <a:noFill/>
          <a:miter lim="800000"/>
          <a:headEnd/>
          <a:tailEnd/>
        </a:ln>
      </xdr:spPr>
    </xdr:pic>
    <xdr:clientData/>
  </xdr:twoCellAnchor>
  <xdr:twoCellAnchor editAs="oneCell">
    <xdr:from>
      <xdr:col>0</xdr:col>
      <xdr:colOff>196850</xdr:colOff>
      <xdr:row>38</xdr:row>
      <xdr:rowOff>34925</xdr:rowOff>
    </xdr:from>
    <xdr:to>
      <xdr:col>0</xdr:col>
      <xdr:colOff>756341</xdr:colOff>
      <xdr:row>38</xdr:row>
      <xdr:rowOff>623057</xdr:rowOff>
    </xdr:to>
    <xdr:pic>
      <xdr:nvPicPr>
        <xdr:cNvPr id="37" name="Picture 2">
          <a:extLst>
            <a:ext uri="{FF2B5EF4-FFF2-40B4-BE49-F238E27FC236}">
              <a16:creationId xmlns="" xmlns:a16="http://schemas.microsoft.com/office/drawing/2014/main" id="{82DDB383-BD16-4D3C-A90E-21ACFFA51565}"/>
            </a:ext>
          </a:extLst>
        </xdr:cNvPr>
        <xdr:cNvPicPr>
          <a:picLocks noChangeAspect="1" noChangeArrowheads="1"/>
        </xdr:cNvPicPr>
      </xdr:nvPicPr>
      <xdr:blipFill>
        <a:blip xmlns:r="http://schemas.openxmlformats.org/officeDocument/2006/relationships" r:embed="rId20" cstate="email">
          <a:extLst>
            <a:ext uri="{28A0092B-C50C-407E-A947-70E740481C1C}">
              <a14:useLocalDpi xmlns:a14="http://schemas.microsoft.com/office/drawing/2010/main" xmlns=""/>
            </a:ext>
          </a:extLst>
        </a:blip>
        <a:srcRect/>
        <a:stretch>
          <a:fillRect/>
        </a:stretch>
      </xdr:blipFill>
      <xdr:spPr>
        <a:xfrm>
          <a:off x="196850" y="16303625"/>
          <a:ext cx="559491" cy="5881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xdr:spPr>
    </xdr:pic>
    <xdr:clientData/>
  </xdr:twoCellAnchor>
  <xdr:twoCellAnchor editAs="oneCell">
    <xdr:from>
      <xdr:col>2</xdr:col>
      <xdr:colOff>251010</xdr:colOff>
      <xdr:row>43</xdr:row>
      <xdr:rowOff>43879</xdr:rowOff>
    </xdr:from>
    <xdr:to>
      <xdr:col>2</xdr:col>
      <xdr:colOff>1021977</xdr:colOff>
      <xdr:row>43</xdr:row>
      <xdr:rowOff>591671</xdr:rowOff>
    </xdr:to>
    <xdr:pic>
      <xdr:nvPicPr>
        <xdr:cNvPr id="38" name="图片 197">
          <a:extLst>
            <a:ext uri="{FF2B5EF4-FFF2-40B4-BE49-F238E27FC236}">
              <a16:creationId xmlns="" xmlns:a16="http://schemas.microsoft.com/office/drawing/2014/main" id="{1261621C-9D2F-42B2-B324-F57437B76641}"/>
            </a:ext>
          </a:extLst>
        </xdr:cNvPr>
        <xdr:cNvPicPr>
          <a:picLocks noChangeAspect="1"/>
        </xdr:cNvPicPr>
      </xdr:nvPicPr>
      <xdr:blipFill>
        <a:blip xmlns:r="http://schemas.openxmlformats.org/officeDocument/2006/relationships" r:embed="rId21" cstate="email">
          <a:extLst>
            <a:ext uri="{28A0092B-C50C-407E-A947-70E740481C1C}">
              <a14:useLocalDpi xmlns:a14="http://schemas.microsoft.com/office/drawing/2010/main" xmlns=""/>
            </a:ext>
          </a:extLst>
        </a:blip>
        <a:srcRect/>
        <a:stretch>
          <a:fillRect/>
        </a:stretch>
      </xdr:blipFill>
      <xdr:spPr>
        <a:xfrm>
          <a:off x="2156010" y="18535079"/>
          <a:ext cx="770967" cy="547792"/>
        </a:xfrm>
        <a:prstGeom prst="rect">
          <a:avLst/>
        </a:prstGeom>
      </xdr:spPr>
    </xdr:pic>
    <xdr:clientData/>
  </xdr:twoCellAnchor>
  <xdr:twoCellAnchor editAs="oneCell">
    <xdr:from>
      <xdr:col>7</xdr:col>
      <xdr:colOff>137671</xdr:colOff>
      <xdr:row>2</xdr:row>
      <xdr:rowOff>292153</xdr:rowOff>
    </xdr:from>
    <xdr:to>
      <xdr:col>7</xdr:col>
      <xdr:colOff>1248652</xdr:colOff>
      <xdr:row>2</xdr:row>
      <xdr:rowOff>713560</xdr:rowOff>
    </xdr:to>
    <xdr:pic>
      <xdr:nvPicPr>
        <xdr:cNvPr id="39" name="Picture 2">
          <a:extLst>
            <a:ext uri="{FF2B5EF4-FFF2-40B4-BE49-F238E27FC236}">
              <a16:creationId xmlns="" xmlns:a16="http://schemas.microsoft.com/office/drawing/2014/main" id="{99E040C6-89F0-4D96-A1A6-CF6ADD0B28FF}"/>
            </a:ext>
          </a:extLst>
        </xdr:cNvPr>
        <xdr:cNvPicPr>
          <a:picLocks noChangeAspect="1" noChangeArrowheads="1"/>
        </xdr:cNvPicPr>
      </xdr:nvPicPr>
      <xdr:blipFill>
        <a:blip xmlns:r="http://schemas.openxmlformats.org/officeDocument/2006/relationships" r:embed="rId22" cstate="email">
          <a:extLst>
            <a:ext uri="{28A0092B-C50C-407E-A947-70E740481C1C}">
              <a14:useLocalDpi xmlns:a14="http://schemas.microsoft.com/office/drawing/2010/main" xmlns=""/>
            </a:ext>
          </a:extLst>
        </a:blip>
        <a:srcRect/>
        <a:stretch>
          <a:fillRect/>
        </a:stretch>
      </xdr:blipFill>
      <xdr:spPr>
        <a:xfrm>
          <a:off x="8399021" y="666803"/>
          <a:ext cx="1110981" cy="42140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xdr:spPr>
    </xdr:pic>
    <xdr:clientData/>
  </xdr:twoCellAnchor>
  <xdr:twoCellAnchor>
    <xdr:from>
      <xdr:col>3</xdr:col>
      <xdr:colOff>168089</xdr:colOff>
      <xdr:row>42</xdr:row>
      <xdr:rowOff>179294</xdr:rowOff>
    </xdr:from>
    <xdr:to>
      <xdr:col>3</xdr:col>
      <xdr:colOff>1180061</xdr:colOff>
      <xdr:row>44</xdr:row>
      <xdr:rowOff>44824</xdr:rowOff>
    </xdr:to>
    <xdr:pic>
      <xdr:nvPicPr>
        <xdr:cNvPr id="40" name="图片 7" descr="F:\temp\IMG_7907.gifIMG_7907">
          <a:extLst>
            <a:ext uri="{FF2B5EF4-FFF2-40B4-BE49-F238E27FC236}">
              <a16:creationId xmlns="" xmlns:a16="http://schemas.microsoft.com/office/drawing/2014/main" id="{70978A0A-4710-469E-9F3C-A295C5F72EDE}"/>
            </a:ext>
          </a:extLst>
        </xdr:cNvPr>
        <xdr:cNvPicPr>
          <a:picLocks noChangeAspect="1" noChangeArrowheads="1"/>
        </xdr:cNvPicPr>
      </xdr:nvPicPr>
      <xdr:blipFill>
        <a:blip xmlns:r="http://schemas.openxmlformats.org/officeDocument/2006/relationships" r:embed="rId23" cstate="email">
          <a:extLst>
            <a:ext uri="{28A0092B-C50C-407E-A947-70E740481C1C}">
              <a14:useLocalDpi xmlns:a14="http://schemas.microsoft.com/office/drawing/2010/main" xmlns=""/>
            </a:ext>
          </a:extLst>
        </a:blip>
        <a:srcRect/>
        <a:stretch>
          <a:fillRect/>
        </a:stretch>
      </xdr:blipFill>
      <xdr:spPr>
        <a:xfrm>
          <a:off x="3279589" y="18479994"/>
          <a:ext cx="1011972" cy="8942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xdr:spPr>
    </xdr:pic>
    <xdr:clientData/>
  </xdr:twoCellAnchor>
  <xdr:twoCellAnchor>
    <xdr:from>
      <xdr:col>2</xdr:col>
      <xdr:colOff>201706</xdr:colOff>
      <xdr:row>141</xdr:row>
      <xdr:rowOff>78441</xdr:rowOff>
    </xdr:from>
    <xdr:to>
      <xdr:col>2</xdr:col>
      <xdr:colOff>1275610</xdr:colOff>
      <xdr:row>141</xdr:row>
      <xdr:rowOff>840441</xdr:rowOff>
    </xdr:to>
    <xdr:pic>
      <xdr:nvPicPr>
        <xdr:cNvPr id="41" name="图片 200" descr="TR-UF45-H-IN-F">
          <a:extLst>
            <a:ext uri="{FF2B5EF4-FFF2-40B4-BE49-F238E27FC236}">
              <a16:creationId xmlns="" xmlns:a16="http://schemas.microsoft.com/office/drawing/2014/main" id="{CDBE64B0-D39D-4102-987B-C38CDF795DCC}"/>
            </a:ext>
          </a:extLst>
        </xdr:cNvPr>
        <xdr:cNvPicPr>
          <a:picLocks noChangeAspect="1" noChangeArrowheads="1"/>
        </xdr:cNvPicPr>
      </xdr:nvPicPr>
      <xdr:blipFill>
        <a:blip xmlns:r="http://schemas.openxmlformats.org/officeDocument/2006/relationships" r:embed="rId24" cstate="email">
          <a:extLst>
            <a:ext uri="{28A0092B-C50C-407E-A947-70E740481C1C}">
              <a14:useLocalDpi xmlns:a14="http://schemas.microsoft.com/office/drawing/2010/main" xmlns=""/>
            </a:ext>
          </a:extLst>
        </a:blip>
        <a:srcRect/>
        <a:stretch>
          <a:fillRect/>
        </a:stretch>
      </xdr:blipFill>
      <xdr:spPr>
        <a:xfrm>
          <a:off x="2106706" y="58803241"/>
          <a:ext cx="1004054" cy="762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xdr:spPr>
    </xdr:pic>
    <xdr:clientData/>
  </xdr:twoCellAnchor>
  <xdr:twoCellAnchor editAs="oneCell">
    <xdr:from>
      <xdr:col>3</xdr:col>
      <xdr:colOff>96371</xdr:colOff>
      <xdr:row>35</xdr:row>
      <xdr:rowOff>286870</xdr:rowOff>
    </xdr:from>
    <xdr:to>
      <xdr:col>3</xdr:col>
      <xdr:colOff>1028875</xdr:colOff>
      <xdr:row>35</xdr:row>
      <xdr:rowOff>790926</xdr:rowOff>
    </xdr:to>
    <xdr:pic>
      <xdr:nvPicPr>
        <xdr:cNvPr id="42" name="图片 201" descr="C:\Users\y00481\Desktop\图片文档\TR-JB07 WM04-IN 4寸半球壁装组合支架.png">
          <a:extLst>
            <a:ext uri="{FF2B5EF4-FFF2-40B4-BE49-F238E27FC236}">
              <a16:creationId xmlns="" xmlns:a16="http://schemas.microsoft.com/office/drawing/2014/main" id="{7766D820-7007-4B94-8CBF-E673736CDEE2}"/>
            </a:ext>
          </a:extLst>
        </xdr:cNvPr>
        <xdr:cNvPicPr>
          <a:picLocks noChangeAspect="1"/>
        </xdr:cNvPicPr>
      </xdr:nvPicPr>
      <xdr:blipFill>
        <a:blip xmlns:r="http://schemas.openxmlformats.org/officeDocument/2006/relationships" r:embed="rId25" cstate="email">
          <a:extLst>
            <a:ext uri="{28A0092B-C50C-407E-A947-70E740481C1C}">
              <a14:useLocalDpi xmlns:a14="http://schemas.microsoft.com/office/drawing/2010/main" xmlns=""/>
            </a:ext>
          </a:extLst>
        </a:blip>
        <a:srcRect/>
        <a:stretch>
          <a:fillRect/>
        </a:stretch>
      </xdr:blipFill>
      <xdr:spPr>
        <a:xfrm>
          <a:off x="3207871" y="15101420"/>
          <a:ext cx="932504" cy="504056"/>
        </a:xfrm>
        <a:prstGeom prst="rect">
          <a:avLst/>
        </a:prstGeom>
        <a:noFill/>
        <a:ln w="9525">
          <a:noFill/>
          <a:miter lim="800000"/>
          <a:headEnd/>
          <a:tailEnd/>
        </a:ln>
      </xdr:spPr>
    </xdr:pic>
    <xdr:clientData/>
  </xdr:twoCellAnchor>
  <xdr:oneCellAnchor>
    <xdr:from>
      <xdr:col>2</xdr:col>
      <xdr:colOff>361950</xdr:colOff>
      <xdr:row>27</xdr:row>
      <xdr:rowOff>238125</xdr:rowOff>
    </xdr:from>
    <xdr:ext cx="713943" cy="0"/>
    <xdr:pic>
      <xdr:nvPicPr>
        <xdr:cNvPr id="43" name="图片 202">
          <a:extLst>
            <a:ext uri="{FF2B5EF4-FFF2-40B4-BE49-F238E27FC236}">
              <a16:creationId xmlns="" xmlns:a16="http://schemas.microsoft.com/office/drawing/2014/main" id="{A6F4A9CE-6E09-46EF-964F-219E877AABDB}"/>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xmlns=""/>
            </a:ext>
          </a:extLst>
        </a:blip>
        <a:srcRect/>
        <a:stretch>
          <a:fillRect/>
        </a:stretch>
      </xdr:blipFill>
      <xdr:spPr>
        <a:xfrm>
          <a:off x="2266950" y="11191875"/>
          <a:ext cx="713943" cy="0"/>
        </a:xfrm>
        <a:prstGeom prst="rect">
          <a:avLst/>
        </a:prstGeom>
        <a:noFill/>
        <a:ln w="9525">
          <a:noFill/>
          <a:miter lim="800000"/>
          <a:headEnd/>
          <a:tailEnd/>
        </a:ln>
      </xdr:spPr>
    </xdr:pic>
    <xdr:clientData/>
  </xdr:oneCellAnchor>
  <xdr:twoCellAnchor editAs="oneCell">
    <xdr:from>
      <xdr:col>2</xdr:col>
      <xdr:colOff>112058</xdr:colOff>
      <xdr:row>27</xdr:row>
      <xdr:rowOff>190499</xdr:rowOff>
    </xdr:from>
    <xdr:to>
      <xdr:col>2</xdr:col>
      <xdr:colOff>1071380</xdr:colOff>
      <xdr:row>27</xdr:row>
      <xdr:rowOff>806823</xdr:rowOff>
    </xdr:to>
    <xdr:pic>
      <xdr:nvPicPr>
        <xdr:cNvPr id="44" name="Picture 2">
          <a:extLst>
            <a:ext uri="{FF2B5EF4-FFF2-40B4-BE49-F238E27FC236}">
              <a16:creationId xmlns="" xmlns:a16="http://schemas.microsoft.com/office/drawing/2014/main" id="{00982B08-2EDF-4CE8-91E7-AF17464AE6CF}"/>
            </a:ext>
          </a:extLst>
        </xdr:cNvPr>
        <xdr:cNvPicPr>
          <a:picLocks noChangeAspect="1" noChangeArrowheads="1"/>
        </xdr:cNvPicPr>
      </xdr:nvPicPr>
      <xdr:blipFill>
        <a:blip xmlns:r="http://schemas.openxmlformats.org/officeDocument/2006/relationships" r:embed="rId26" cstate="email">
          <a:extLst>
            <a:ext uri="{28A0092B-C50C-407E-A947-70E740481C1C}">
              <a14:useLocalDpi xmlns:a14="http://schemas.microsoft.com/office/drawing/2010/main" xmlns=""/>
            </a:ext>
          </a:extLst>
        </a:blip>
        <a:srcRect/>
        <a:stretch>
          <a:fillRect/>
        </a:stretch>
      </xdr:blipFill>
      <xdr:spPr>
        <a:xfrm>
          <a:off x="2017058" y="11144249"/>
          <a:ext cx="959322" cy="616324"/>
        </a:xfrm>
        <a:prstGeom prst="rect">
          <a:avLst/>
        </a:prstGeom>
        <a:noFill/>
        <a:ln w="9525">
          <a:noFill/>
          <a:miter lim="800000"/>
          <a:headEnd/>
          <a:tailEnd/>
        </a:ln>
      </xdr:spPr>
    </xdr:pic>
    <xdr:clientData/>
  </xdr:twoCellAnchor>
  <xdr:twoCellAnchor>
    <xdr:from>
      <xdr:col>2</xdr:col>
      <xdr:colOff>75786</xdr:colOff>
      <xdr:row>2</xdr:row>
      <xdr:rowOff>113881</xdr:rowOff>
    </xdr:from>
    <xdr:to>
      <xdr:col>2</xdr:col>
      <xdr:colOff>1225828</xdr:colOff>
      <xdr:row>2</xdr:row>
      <xdr:rowOff>831111</xdr:rowOff>
    </xdr:to>
    <xdr:pic>
      <xdr:nvPicPr>
        <xdr:cNvPr id="45" name="图片 204" descr="http://sgcdn.uniview.com/res/201802/09/20180209_1611767_11_790242_140445_0.jpg">
          <a:extLst>
            <a:ext uri="{FF2B5EF4-FFF2-40B4-BE49-F238E27FC236}">
              <a16:creationId xmlns="" xmlns:a16="http://schemas.microsoft.com/office/drawing/2014/main" id="{E978F05E-4895-43EF-A82C-34E0A1A0FAE4}"/>
            </a:ext>
          </a:extLst>
        </xdr:cNvPr>
        <xdr:cNvPicPr>
          <a:picLocks noChangeAspect="1" noChangeArrowheads="1"/>
        </xdr:cNvPicPr>
      </xdr:nvPicPr>
      <xdr:blipFill>
        <a:blip xmlns:r="http://schemas.openxmlformats.org/officeDocument/2006/relationships" r:embed="rId27" cstate="email">
          <a:extLst>
            <a:ext uri="{28A0092B-C50C-407E-A947-70E740481C1C}">
              <a14:useLocalDpi xmlns:a14="http://schemas.microsoft.com/office/drawing/2010/main" xmlns=""/>
            </a:ext>
          </a:extLst>
        </a:blip>
        <a:srcRect/>
        <a:stretch>
          <a:fillRect/>
        </a:stretch>
      </xdr:blipFill>
      <xdr:spPr>
        <a:xfrm>
          <a:off x="1980786" y="488531"/>
          <a:ext cx="1130992" cy="71723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3</xdr:col>
      <xdr:colOff>324179</xdr:colOff>
      <xdr:row>2</xdr:row>
      <xdr:rowOff>67593</xdr:rowOff>
    </xdr:from>
    <xdr:to>
      <xdr:col>3</xdr:col>
      <xdr:colOff>952583</xdr:colOff>
      <xdr:row>2</xdr:row>
      <xdr:rowOff>911087</xdr:rowOff>
    </xdr:to>
    <xdr:pic>
      <xdr:nvPicPr>
        <xdr:cNvPr id="46" name="图片 205" descr="http://sgcdn.uniview.com/res/201802/09/20180209_1611762_11_790236_140445_0.jpg">
          <a:extLst>
            <a:ext uri="{FF2B5EF4-FFF2-40B4-BE49-F238E27FC236}">
              <a16:creationId xmlns="" xmlns:a16="http://schemas.microsoft.com/office/drawing/2014/main" id="{66ABBC75-9D7E-47A8-B9DE-6CAF29CBAF3C}"/>
            </a:ext>
          </a:extLst>
        </xdr:cNvPr>
        <xdr:cNvPicPr>
          <a:picLocks noChangeAspect="1" noChangeArrowheads="1"/>
        </xdr:cNvPicPr>
      </xdr:nvPicPr>
      <xdr:blipFill>
        <a:blip xmlns:r="http://schemas.openxmlformats.org/officeDocument/2006/relationships" r:embed="rId28" cstate="email">
          <a:extLst>
            <a:ext uri="{28A0092B-C50C-407E-A947-70E740481C1C}">
              <a14:useLocalDpi xmlns:a14="http://schemas.microsoft.com/office/drawing/2010/main" xmlns=""/>
            </a:ext>
          </a:extLst>
        </a:blip>
        <a:srcRect/>
        <a:stretch>
          <a:fillRect/>
        </a:stretch>
      </xdr:blipFill>
      <xdr:spPr>
        <a:xfrm>
          <a:off x="3435679" y="442243"/>
          <a:ext cx="628404" cy="84349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4</xdr:col>
      <xdr:colOff>74543</xdr:colOff>
      <xdr:row>2</xdr:row>
      <xdr:rowOff>298174</xdr:rowOff>
    </xdr:from>
    <xdr:to>
      <xdr:col>4</xdr:col>
      <xdr:colOff>1108207</xdr:colOff>
      <xdr:row>2</xdr:row>
      <xdr:rowOff>736324</xdr:rowOff>
    </xdr:to>
    <xdr:pic>
      <xdr:nvPicPr>
        <xdr:cNvPr id="47" name="图片 206" descr="http://sgcdn.uniview.com/res/201512/24/20151224_1606574_1-B_787329_140445_0.jpg">
          <a:extLst>
            <a:ext uri="{FF2B5EF4-FFF2-40B4-BE49-F238E27FC236}">
              <a16:creationId xmlns="" xmlns:a16="http://schemas.microsoft.com/office/drawing/2014/main" id="{1DAD677A-2A20-4258-B502-D779E146B30A}"/>
            </a:ext>
          </a:extLst>
        </xdr:cNvPr>
        <xdr:cNvPicPr>
          <a:picLocks noChangeAspect="1" noChangeArrowheads="1"/>
        </xdr:cNvPicPr>
      </xdr:nvPicPr>
      <xdr:blipFill>
        <a:blip xmlns:r="http://schemas.openxmlformats.org/officeDocument/2006/relationships" r:embed="rId29" cstate="email">
          <a:extLst>
            <a:ext uri="{28A0092B-C50C-407E-A947-70E740481C1C}">
              <a14:useLocalDpi xmlns:a14="http://schemas.microsoft.com/office/drawing/2010/main" xmlns=""/>
            </a:ext>
          </a:extLst>
        </a:blip>
        <a:srcRect/>
        <a:stretch>
          <a:fillRect/>
        </a:stretch>
      </xdr:blipFill>
      <xdr:spPr>
        <a:xfrm>
          <a:off x="4392543" y="672824"/>
          <a:ext cx="1033664" cy="43815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5</xdr:col>
      <xdr:colOff>51643</xdr:colOff>
      <xdr:row>2</xdr:row>
      <xdr:rowOff>265337</xdr:rowOff>
    </xdr:from>
    <xdr:to>
      <xdr:col>5</xdr:col>
      <xdr:colOff>1111825</xdr:colOff>
      <xdr:row>2</xdr:row>
      <xdr:rowOff>695739</xdr:rowOff>
    </xdr:to>
    <xdr:pic>
      <xdr:nvPicPr>
        <xdr:cNvPr id="48" name="图片 207" descr="http://sgcdn.uniview.com/res/201802/09/20180209_1611758_11_790230_140445_0.jpg">
          <a:extLst>
            <a:ext uri="{FF2B5EF4-FFF2-40B4-BE49-F238E27FC236}">
              <a16:creationId xmlns="" xmlns:a16="http://schemas.microsoft.com/office/drawing/2014/main" id="{C9D68BD5-D4A2-4BDA-89AF-7342BBE46DEE}"/>
            </a:ext>
          </a:extLst>
        </xdr:cNvPr>
        <xdr:cNvPicPr>
          <a:picLocks noChangeAspect="1" noChangeArrowheads="1"/>
        </xdr:cNvPicPr>
      </xdr:nvPicPr>
      <xdr:blipFill>
        <a:blip xmlns:r="http://schemas.openxmlformats.org/officeDocument/2006/relationships" r:embed="rId30" cstate="email">
          <a:extLst>
            <a:ext uri="{28A0092B-C50C-407E-A947-70E740481C1C}">
              <a14:useLocalDpi xmlns:a14="http://schemas.microsoft.com/office/drawing/2010/main" xmlns=""/>
            </a:ext>
          </a:extLst>
        </a:blip>
        <a:srcRect/>
        <a:stretch>
          <a:fillRect/>
        </a:stretch>
      </xdr:blipFill>
      <xdr:spPr>
        <a:xfrm>
          <a:off x="5550743" y="639987"/>
          <a:ext cx="1060182" cy="43040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6</xdr:col>
      <xdr:colOff>40583</xdr:colOff>
      <xdr:row>2</xdr:row>
      <xdr:rowOff>283130</xdr:rowOff>
    </xdr:from>
    <xdr:to>
      <xdr:col>7</xdr:col>
      <xdr:colOff>0</xdr:colOff>
      <xdr:row>2</xdr:row>
      <xdr:rowOff>753380</xdr:rowOff>
    </xdr:to>
    <xdr:pic>
      <xdr:nvPicPr>
        <xdr:cNvPr id="49" name="图片 208" descr="http://sgcdn.uniview.com/res/201802/09/20180209_1611749_11_790217_140445_0.jpg">
          <a:extLst>
            <a:ext uri="{FF2B5EF4-FFF2-40B4-BE49-F238E27FC236}">
              <a16:creationId xmlns="" xmlns:a16="http://schemas.microsoft.com/office/drawing/2014/main" id="{6E4845D0-9C25-4E2C-9C35-6EF7A7C57B19}"/>
            </a:ext>
          </a:extLst>
        </xdr:cNvPr>
        <xdr:cNvPicPr>
          <a:picLocks noChangeAspect="1" noChangeArrowheads="1"/>
        </xdr:cNvPicPr>
      </xdr:nvPicPr>
      <xdr:blipFill>
        <a:blip xmlns:r="http://schemas.openxmlformats.org/officeDocument/2006/relationships" r:embed="rId31" cstate="email">
          <a:extLst>
            <a:ext uri="{28A0092B-C50C-407E-A947-70E740481C1C}">
              <a14:useLocalDpi xmlns:a14="http://schemas.microsoft.com/office/drawing/2010/main" xmlns=""/>
            </a:ext>
          </a:extLst>
        </a:blip>
        <a:srcRect/>
        <a:stretch>
          <a:fillRect/>
        </a:stretch>
      </xdr:blipFill>
      <xdr:spPr>
        <a:xfrm>
          <a:off x="6790633" y="657780"/>
          <a:ext cx="1470717" cy="47025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8</xdr:col>
      <xdr:colOff>140805</xdr:colOff>
      <xdr:row>2</xdr:row>
      <xdr:rowOff>132522</xdr:rowOff>
    </xdr:from>
    <xdr:to>
      <xdr:col>8</xdr:col>
      <xdr:colOff>1022579</xdr:colOff>
      <xdr:row>2</xdr:row>
      <xdr:rowOff>925128</xdr:rowOff>
    </xdr:to>
    <xdr:pic>
      <xdr:nvPicPr>
        <xdr:cNvPr id="50" name="图片 209" descr="http://sgcdn.uniview.com/res/201503/26/20150326_1602734_1_787476_140445_0.jpg">
          <a:extLst>
            <a:ext uri="{FF2B5EF4-FFF2-40B4-BE49-F238E27FC236}">
              <a16:creationId xmlns="" xmlns:a16="http://schemas.microsoft.com/office/drawing/2014/main" id="{4DBD6CBB-DAB6-4ADA-B1A8-70AB2245F5B8}"/>
            </a:ext>
          </a:extLst>
        </xdr:cNvPr>
        <xdr:cNvPicPr>
          <a:picLocks noChangeAspect="1" noChangeArrowheads="1"/>
        </xdr:cNvPicPr>
      </xdr:nvPicPr>
      <xdr:blipFill>
        <a:blip xmlns:r="http://schemas.openxmlformats.org/officeDocument/2006/relationships" r:embed="rId32" cstate="email">
          <a:extLst>
            <a:ext uri="{28A0092B-C50C-407E-A947-70E740481C1C}">
              <a14:useLocalDpi xmlns:a14="http://schemas.microsoft.com/office/drawing/2010/main" xmlns=""/>
            </a:ext>
          </a:extLst>
        </a:blip>
        <a:srcRect/>
        <a:stretch>
          <a:fillRect/>
        </a:stretch>
      </xdr:blipFill>
      <xdr:spPr>
        <a:xfrm>
          <a:off x="9722955" y="507172"/>
          <a:ext cx="881774" cy="79260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10</xdr:col>
      <xdr:colOff>381001</xdr:colOff>
      <xdr:row>2</xdr:row>
      <xdr:rowOff>66260</xdr:rowOff>
    </xdr:from>
    <xdr:to>
      <xdr:col>10</xdr:col>
      <xdr:colOff>895351</xdr:colOff>
      <xdr:row>2</xdr:row>
      <xdr:rowOff>987484</xdr:rowOff>
    </xdr:to>
    <xdr:pic>
      <xdr:nvPicPr>
        <xdr:cNvPr id="51" name="图片 210" descr="http://sgcdn.uniview.com/res/201503/26/20150326_1602712_1_787460_140445_0.jpg">
          <a:extLst>
            <a:ext uri="{FF2B5EF4-FFF2-40B4-BE49-F238E27FC236}">
              <a16:creationId xmlns="" xmlns:a16="http://schemas.microsoft.com/office/drawing/2014/main" id="{E5B7B38E-1A44-41AD-8915-0C485E3EE2C6}"/>
            </a:ext>
          </a:extLst>
        </xdr:cNvPr>
        <xdr:cNvPicPr>
          <a:picLocks noChangeAspect="1" noChangeArrowheads="1"/>
        </xdr:cNvPicPr>
      </xdr:nvPicPr>
      <xdr:blipFill>
        <a:blip xmlns:r="http://schemas.openxmlformats.org/officeDocument/2006/relationships" r:embed="rId33" cstate="email">
          <a:extLst>
            <a:ext uri="{28A0092B-C50C-407E-A947-70E740481C1C}">
              <a14:useLocalDpi xmlns:a14="http://schemas.microsoft.com/office/drawing/2010/main" xmlns=""/>
            </a:ext>
          </a:extLst>
        </a:blip>
        <a:srcRect/>
        <a:stretch>
          <a:fillRect/>
        </a:stretch>
      </xdr:blipFill>
      <xdr:spPr>
        <a:xfrm>
          <a:off x="12147551" y="440910"/>
          <a:ext cx="514350" cy="92122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1</xdr:col>
      <xdr:colOff>82826</xdr:colOff>
      <xdr:row>2</xdr:row>
      <xdr:rowOff>231912</xdr:rowOff>
    </xdr:from>
    <xdr:to>
      <xdr:col>11</xdr:col>
      <xdr:colOff>1072791</xdr:colOff>
      <xdr:row>2</xdr:row>
      <xdr:rowOff>736737</xdr:rowOff>
    </xdr:to>
    <xdr:pic>
      <xdr:nvPicPr>
        <xdr:cNvPr id="52" name="图片 211" descr="http://sgcdn.uniview.com/res/201503/26/20150326_1602745_1_787484_140445_0.jpg">
          <a:extLst>
            <a:ext uri="{FF2B5EF4-FFF2-40B4-BE49-F238E27FC236}">
              <a16:creationId xmlns="" xmlns:a16="http://schemas.microsoft.com/office/drawing/2014/main" id="{D79B2510-3B82-4BF0-9642-8DC9CD052925}"/>
            </a:ext>
          </a:extLst>
        </xdr:cNvPr>
        <xdr:cNvPicPr>
          <a:picLocks noChangeAspect="1" noChangeArrowheads="1"/>
        </xdr:cNvPicPr>
      </xdr:nvPicPr>
      <xdr:blipFill>
        <a:blip xmlns:r="http://schemas.openxmlformats.org/officeDocument/2006/relationships" r:embed="rId34" cstate="email">
          <a:extLst>
            <a:ext uri="{28A0092B-C50C-407E-A947-70E740481C1C}">
              <a14:useLocalDpi xmlns:a14="http://schemas.microsoft.com/office/drawing/2010/main" xmlns=""/>
            </a:ext>
          </a:extLst>
        </a:blip>
        <a:srcRect/>
        <a:stretch>
          <a:fillRect/>
        </a:stretch>
      </xdr:blipFill>
      <xdr:spPr>
        <a:xfrm>
          <a:off x="12941576" y="606562"/>
          <a:ext cx="989965" cy="5048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2</xdr:col>
      <xdr:colOff>125730</xdr:colOff>
      <xdr:row>11</xdr:row>
      <xdr:rowOff>279400</xdr:rowOff>
    </xdr:from>
    <xdr:to>
      <xdr:col>2</xdr:col>
      <xdr:colOff>1200654</xdr:colOff>
      <xdr:row>11</xdr:row>
      <xdr:rowOff>743642</xdr:rowOff>
    </xdr:to>
    <xdr:pic>
      <xdr:nvPicPr>
        <xdr:cNvPr id="53" name="图片 212" descr="http://sgcdn.uniview.com/res/201509/06/20150906_1604295_TR-FM152-A-IN-F-B_788020_140445_0.jpg">
          <a:extLst>
            <a:ext uri="{FF2B5EF4-FFF2-40B4-BE49-F238E27FC236}">
              <a16:creationId xmlns="" xmlns:a16="http://schemas.microsoft.com/office/drawing/2014/main" id="{F0D5ACE8-F079-4F51-B16A-C71D5FFF9F5E}"/>
            </a:ext>
          </a:extLst>
        </xdr:cNvPr>
        <xdr:cNvPicPr>
          <a:picLocks noChangeAspect="1" noChangeArrowheads="1"/>
        </xdr:cNvPicPr>
      </xdr:nvPicPr>
      <xdr:blipFill>
        <a:blip xmlns:r="http://schemas.openxmlformats.org/officeDocument/2006/relationships" r:embed="rId35" cstate="email">
          <a:extLst>
            <a:ext uri="{28A0092B-C50C-407E-A947-70E740481C1C}">
              <a14:useLocalDpi xmlns:a14="http://schemas.microsoft.com/office/drawing/2010/main" xmlns=""/>
            </a:ext>
          </a:extLst>
        </a:blip>
        <a:srcRect/>
        <a:stretch>
          <a:fillRect/>
        </a:stretch>
      </xdr:blipFill>
      <xdr:spPr>
        <a:xfrm>
          <a:off x="2030730" y="4051300"/>
          <a:ext cx="1074924" cy="46424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3</xdr:col>
      <xdr:colOff>154305</xdr:colOff>
      <xdr:row>11</xdr:row>
      <xdr:rowOff>249555</xdr:rowOff>
    </xdr:from>
    <xdr:to>
      <xdr:col>3</xdr:col>
      <xdr:colOff>1062905</xdr:colOff>
      <xdr:row>11</xdr:row>
      <xdr:rowOff>782637</xdr:rowOff>
    </xdr:to>
    <xdr:pic>
      <xdr:nvPicPr>
        <xdr:cNvPr id="54" name="图片 213" descr="http://sgcdn.uniview.com/res/201509/06/20150906_1604377_TR-WM04-IN-F-B_788075_140445_0.jpg">
          <a:extLst>
            <a:ext uri="{FF2B5EF4-FFF2-40B4-BE49-F238E27FC236}">
              <a16:creationId xmlns="" xmlns:a16="http://schemas.microsoft.com/office/drawing/2014/main" id="{C3A91AEA-0205-4B7F-9567-AB94D802F747}"/>
            </a:ext>
          </a:extLst>
        </xdr:cNvPr>
        <xdr:cNvPicPr>
          <a:picLocks noChangeAspect="1" noChangeArrowheads="1"/>
        </xdr:cNvPicPr>
      </xdr:nvPicPr>
      <xdr:blipFill>
        <a:blip xmlns:r="http://schemas.openxmlformats.org/officeDocument/2006/relationships" r:embed="rId36" cstate="email">
          <a:extLst>
            <a:ext uri="{28A0092B-C50C-407E-A947-70E740481C1C}">
              <a14:useLocalDpi xmlns:a14="http://schemas.microsoft.com/office/drawing/2010/main" xmlns=""/>
            </a:ext>
          </a:extLst>
        </a:blip>
        <a:srcRect/>
        <a:stretch>
          <a:fillRect/>
        </a:stretch>
      </xdr:blipFill>
      <xdr:spPr>
        <a:xfrm>
          <a:off x="3265805" y="4021455"/>
          <a:ext cx="908600" cy="53308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4</xdr:col>
      <xdr:colOff>47625</xdr:colOff>
      <xdr:row>11</xdr:row>
      <xdr:rowOff>229870</xdr:rowOff>
    </xdr:from>
    <xdr:to>
      <xdr:col>4</xdr:col>
      <xdr:colOff>1152339</xdr:colOff>
      <xdr:row>11</xdr:row>
      <xdr:rowOff>833284</xdr:rowOff>
    </xdr:to>
    <xdr:pic>
      <xdr:nvPicPr>
        <xdr:cNvPr id="55" name="图片 214" descr="http://sgcdn.uniview.com/res/201509/06/20150906_1604343_TR-JB07%20WM04-IN-F-B_788051_140445_0.jpg">
          <a:extLst>
            <a:ext uri="{FF2B5EF4-FFF2-40B4-BE49-F238E27FC236}">
              <a16:creationId xmlns="" xmlns:a16="http://schemas.microsoft.com/office/drawing/2014/main" id="{53C6D589-1A99-4C61-9236-6E40CF7AD83B}"/>
            </a:ext>
          </a:extLst>
        </xdr:cNvPr>
        <xdr:cNvPicPr>
          <a:picLocks noChangeAspect="1" noChangeArrowheads="1"/>
        </xdr:cNvPicPr>
      </xdr:nvPicPr>
      <xdr:blipFill>
        <a:blip xmlns:r="http://schemas.openxmlformats.org/officeDocument/2006/relationships" r:embed="rId37" cstate="email">
          <a:extLst>
            <a:ext uri="{28A0092B-C50C-407E-A947-70E740481C1C}">
              <a14:useLocalDpi xmlns:a14="http://schemas.microsoft.com/office/drawing/2010/main" xmlns=""/>
            </a:ext>
          </a:extLst>
        </a:blip>
        <a:srcRect/>
        <a:stretch>
          <a:fillRect/>
        </a:stretch>
      </xdr:blipFill>
      <xdr:spPr>
        <a:xfrm>
          <a:off x="4365625" y="4001770"/>
          <a:ext cx="1104714" cy="60341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5</xdr:col>
      <xdr:colOff>238125</xdr:colOff>
      <xdr:row>11</xdr:row>
      <xdr:rowOff>138430</xdr:rowOff>
    </xdr:from>
    <xdr:to>
      <xdr:col>5</xdr:col>
      <xdr:colOff>1047750</xdr:colOff>
      <xdr:row>11</xdr:row>
      <xdr:rowOff>856399</xdr:rowOff>
    </xdr:to>
    <xdr:pic>
      <xdr:nvPicPr>
        <xdr:cNvPr id="56" name="图片 215" descr="http://sgcdn.uniview.com/res/201802/09/20180209_1611817_11_790286_140445_0.jpg">
          <a:extLst>
            <a:ext uri="{FF2B5EF4-FFF2-40B4-BE49-F238E27FC236}">
              <a16:creationId xmlns="" xmlns:a16="http://schemas.microsoft.com/office/drawing/2014/main" id="{109BBA67-5447-4BAB-8699-A739FF320293}"/>
            </a:ext>
          </a:extLst>
        </xdr:cNvPr>
        <xdr:cNvPicPr>
          <a:picLocks noChangeAspect="1" noChangeArrowheads="1"/>
        </xdr:cNvPicPr>
      </xdr:nvPicPr>
      <xdr:blipFill>
        <a:blip xmlns:r="http://schemas.openxmlformats.org/officeDocument/2006/relationships" r:embed="rId38" cstate="email">
          <a:extLst>
            <a:ext uri="{28A0092B-C50C-407E-A947-70E740481C1C}">
              <a14:useLocalDpi xmlns:a14="http://schemas.microsoft.com/office/drawing/2010/main" xmlns=""/>
            </a:ext>
          </a:extLst>
        </a:blip>
        <a:srcRect/>
        <a:stretch>
          <a:fillRect/>
        </a:stretch>
      </xdr:blipFill>
      <xdr:spPr>
        <a:xfrm>
          <a:off x="5737225" y="3910330"/>
          <a:ext cx="809625" cy="717969"/>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2</xdr:col>
      <xdr:colOff>259715</xdr:colOff>
      <xdr:row>19</xdr:row>
      <xdr:rowOff>158750</xdr:rowOff>
    </xdr:from>
    <xdr:to>
      <xdr:col>2</xdr:col>
      <xdr:colOff>1269365</xdr:colOff>
      <xdr:row>19</xdr:row>
      <xdr:rowOff>864800</xdr:rowOff>
    </xdr:to>
    <xdr:pic>
      <xdr:nvPicPr>
        <xdr:cNvPr id="57" name="图片 216" descr="http://sgcdn.uniview.com/res/201802/09/20180209_1611814_11_790281_140445_0.jpg">
          <a:extLst>
            <a:ext uri="{FF2B5EF4-FFF2-40B4-BE49-F238E27FC236}">
              <a16:creationId xmlns="" xmlns:a16="http://schemas.microsoft.com/office/drawing/2014/main" id="{DF6757AD-840F-48DC-BFE5-8A8CAD9D0CA6}"/>
            </a:ext>
          </a:extLst>
        </xdr:cNvPr>
        <xdr:cNvPicPr>
          <a:picLocks noChangeAspect="1" noChangeArrowheads="1"/>
        </xdr:cNvPicPr>
      </xdr:nvPicPr>
      <xdr:blipFill>
        <a:blip xmlns:r="http://schemas.openxmlformats.org/officeDocument/2006/relationships" r:embed="rId39" cstate="email">
          <a:extLst>
            <a:ext uri="{28A0092B-C50C-407E-A947-70E740481C1C}">
              <a14:useLocalDpi xmlns:a14="http://schemas.microsoft.com/office/drawing/2010/main" xmlns=""/>
            </a:ext>
          </a:extLst>
        </a:blip>
        <a:srcRect/>
        <a:stretch>
          <a:fillRect/>
        </a:stretch>
      </xdr:blipFill>
      <xdr:spPr>
        <a:xfrm>
          <a:off x="2164715" y="7416800"/>
          <a:ext cx="946150" cy="70605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2</xdr:col>
      <xdr:colOff>323021</xdr:colOff>
      <xdr:row>35</xdr:row>
      <xdr:rowOff>24848</xdr:rowOff>
    </xdr:from>
    <xdr:to>
      <xdr:col>2</xdr:col>
      <xdr:colOff>942145</xdr:colOff>
      <xdr:row>35</xdr:row>
      <xdr:rowOff>936440</xdr:rowOff>
    </xdr:to>
    <xdr:pic>
      <xdr:nvPicPr>
        <xdr:cNvPr id="58" name="图片 217" descr="http://sgcdn.uniview.com/res/201803/30/20180330_1640628_11_804279_140445_0.jpg">
          <a:extLst>
            <a:ext uri="{FF2B5EF4-FFF2-40B4-BE49-F238E27FC236}">
              <a16:creationId xmlns="" xmlns:a16="http://schemas.microsoft.com/office/drawing/2014/main" id="{9940A6B6-86C1-4F71-B8A8-F9CD5946C8CB}"/>
            </a:ext>
          </a:extLst>
        </xdr:cNvPr>
        <xdr:cNvPicPr>
          <a:picLocks noChangeAspect="1" noChangeArrowheads="1"/>
        </xdr:cNvPicPr>
      </xdr:nvPicPr>
      <xdr:blipFill>
        <a:blip xmlns:r="http://schemas.openxmlformats.org/officeDocument/2006/relationships" r:embed="rId40" cstate="email">
          <a:extLst>
            <a:ext uri="{28A0092B-C50C-407E-A947-70E740481C1C}">
              <a14:useLocalDpi xmlns:a14="http://schemas.microsoft.com/office/drawing/2010/main" xmlns=""/>
            </a:ext>
          </a:extLst>
        </a:blip>
        <a:srcRect/>
        <a:stretch>
          <a:fillRect/>
        </a:stretch>
      </xdr:blipFill>
      <xdr:spPr>
        <a:xfrm>
          <a:off x="2228021" y="14839398"/>
          <a:ext cx="619124" cy="91159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4</xdr:col>
      <xdr:colOff>24848</xdr:colOff>
      <xdr:row>35</xdr:row>
      <xdr:rowOff>66260</xdr:rowOff>
    </xdr:from>
    <xdr:to>
      <xdr:col>4</xdr:col>
      <xdr:colOff>1110698</xdr:colOff>
      <xdr:row>36</xdr:row>
      <xdr:rowOff>2024</xdr:rowOff>
    </xdr:to>
    <xdr:pic>
      <xdr:nvPicPr>
        <xdr:cNvPr id="59" name="图片 218" descr="http://sgcdn.uniview.com/res/201802/09/20180209_1611817_11_790286_140445_0.jpg">
          <a:extLst>
            <a:ext uri="{FF2B5EF4-FFF2-40B4-BE49-F238E27FC236}">
              <a16:creationId xmlns="" xmlns:a16="http://schemas.microsoft.com/office/drawing/2014/main" id="{74860D39-94E1-4258-A3B5-8A9C572CC528}"/>
            </a:ext>
          </a:extLst>
        </xdr:cNvPr>
        <xdr:cNvPicPr>
          <a:picLocks noChangeAspect="1" noChangeArrowheads="1"/>
        </xdr:cNvPicPr>
      </xdr:nvPicPr>
      <xdr:blipFill>
        <a:blip xmlns:r="http://schemas.openxmlformats.org/officeDocument/2006/relationships" r:embed="rId41" cstate="email">
          <a:extLst>
            <a:ext uri="{28A0092B-C50C-407E-A947-70E740481C1C}">
              <a14:useLocalDpi xmlns:a14="http://schemas.microsoft.com/office/drawing/2010/main" xmlns=""/>
            </a:ext>
          </a:extLst>
        </a:blip>
        <a:srcRect/>
        <a:stretch>
          <a:fillRect/>
        </a:stretch>
      </xdr:blipFill>
      <xdr:spPr>
        <a:xfrm>
          <a:off x="4342848" y="14880810"/>
          <a:ext cx="1085850" cy="102161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3</xdr:col>
      <xdr:colOff>484878</xdr:colOff>
      <xdr:row>109</xdr:row>
      <xdr:rowOff>132520</xdr:rowOff>
    </xdr:from>
    <xdr:to>
      <xdr:col>3</xdr:col>
      <xdr:colOff>834130</xdr:colOff>
      <xdr:row>109</xdr:row>
      <xdr:rowOff>894522</xdr:rowOff>
    </xdr:to>
    <xdr:pic>
      <xdr:nvPicPr>
        <xdr:cNvPr id="60" name="图片 219" descr="http://sgcdn.uniview.com/res/201802/09/20180209_1611792_11_790265_140445_0.jpg">
          <a:extLst>
            <a:ext uri="{FF2B5EF4-FFF2-40B4-BE49-F238E27FC236}">
              <a16:creationId xmlns="" xmlns:a16="http://schemas.microsoft.com/office/drawing/2014/main" id="{A67A4F99-BF3B-46D0-9CD6-74CD27A760B4}"/>
            </a:ext>
          </a:extLst>
        </xdr:cNvPr>
        <xdr:cNvPicPr>
          <a:picLocks noChangeAspect="1" noChangeArrowheads="1"/>
        </xdr:cNvPicPr>
      </xdr:nvPicPr>
      <xdr:blipFill>
        <a:blip xmlns:r="http://schemas.openxmlformats.org/officeDocument/2006/relationships" r:embed="rId42" cstate="email">
          <a:extLst>
            <a:ext uri="{28A0092B-C50C-407E-A947-70E740481C1C}">
              <a14:useLocalDpi xmlns:a14="http://schemas.microsoft.com/office/drawing/2010/main" xmlns=""/>
            </a:ext>
          </a:extLst>
        </a:blip>
        <a:srcRect/>
        <a:stretch>
          <a:fillRect/>
        </a:stretch>
      </xdr:blipFill>
      <xdr:spPr>
        <a:xfrm flipV="1">
          <a:off x="3596378" y="45725520"/>
          <a:ext cx="349252" cy="76200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4</xdr:col>
      <xdr:colOff>486903</xdr:colOff>
      <xdr:row>109</xdr:row>
      <xdr:rowOff>105188</xdr:rowOff>
    </xdr:from>
    <xdr:to>
      <xdr:col>4</xdr:col>
      <xdr:colOff>730215</xdr:colOff>
      <xdr:row>109</xdr:row>
      <xdr:rowOff>927652</xdr:rowOff>
    </xdr:to>
    <xdr:pic>
      <xdr:nvPicPr>
        <xdr:cNvPr id="61" name="图片 220" descr="http://sgcdn.uniview.com/res/201503/27/20150327_1602788_1_787516_140445_0.jpg">
          <a:extLst>
            <a:ext uri="{FF2B5EF4-FFF2-40B4-BE49-F238E27FC236}">
              <a16:creationId xmlns="" xmlns:a16="http://schemas.microsoft.com/office/drawing/2014/main" id="{E0B05012-8265-4A33-B81B-B00F9BB2594D}"/>
            </a:ext>
          </a:extLst>
        </xdr:cNvPr>
        <xdr:cNvPicPr>
          <a:picLocks noChangeAspect="1" noChangeArrowheads="1"/>
        </xdr:cNvPicPr>
      </xdr:nvPicPr>
      <xdr:blipFill>
        <a:blip xmlns:r="http://schemas.openxmlformats.org/officeDocument/2006/relationships" r:embed="rId43" cstate="email">
          <a:extLst>
            <a:ext uri="{28A0092B-C50C-407E-A947-70E740481C1C}">
              <a14:useLocalDpi xmlns:a14="http://schemas.microsoft.com/office/drawing/2010/main" xmlns=""/>
            </a:ext>
          </a:extLst>
        </a:blip>
        <a:srcRect/>
        <a:stretch>
          <a:fillRect/>
        </a:stretch>
      </xdr:blipFill>
      <xdr:spPr>
        <a:xfrm>
          <a:off x="4804903" y="45698188"/>
          <a:ext cx="243312" cy="82246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9696</xdr:colOff>
      <xdr:row>109</xdr:row>
      <xdr:rowOff>41413</xdr:rowOff>
    </xdr:from>
    <xdr:to>
      <xdr:col>2</xdr:col>
      <xdr:colOff>1179342</xdr:colOff>
      <xdr:row>109</xdr:row>
      <xdr:rowOff>822463</xdr:rowOff>
    </xdr:to>
    <xdr:pic>
      <xdr:nvPicPr>
        <xdr:cNvPr id="62" name="图片 221" descr="http://sgcdn.uniview.com/res/201503/27/20150327_1602812_1_787538_140445_0.jpg">
          <a:extLst>
            <a:ext uri="{FF2B5EF4-FFF2-40B4-BE49-F238E27FC236}">
              <a16:creationId xmlns="" xmlns:a16="http://schemas.microsoft.com/office/drawing/2014/main" id="{A25962CC-1C92-4BF7-8781-F8D982C2EBD6}"/>
            </a:ext>
          </a:extLst>
        </xdr:cNvPr>
        <xdr:cNvPicPr>
          <a:picLocks noChangeAspect="1" noChangeArrowheads="1"/>
        </xdr:cNvPicPr>
      </xdr:nvPicPr>
      <xdr:blipFill>
        <a:blip xmlns:r="http://schemas.openxmlformats.org/officeDocument/2006/relationships" r:embed="rId44" cstate="email">
          <a:extLst>
            <a:ext uri="{28A0092B-C50C-407E-A947-70E740481C1C}">
              <a14:useLocalDpi xmlns:a14="http://schemas.microsoft.com/office/drawing/2010/main" xmlns=""/>
            </a:ext>
          </a:extLst>
        </a:blip>
        <a:srcRect/>
        <a:stretch>
          <a:fillRect/>
        </a:stretch>
      </xdr:blipFill>
      <xdr:spPr>
        <a:xfrm>
          <a:off x="1954696" y="45634413"/>
          <a:ext cx="1129646" cy="78105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5</xdr:col>
      <xdr:colOff>405848</xdr:colOff>
      <xdr:row>109</xdr:row>
      <xdr:rowOff>16565</xdr:rowOff>
    </xdr:from>
    <xdr:to>
      <xdr:col>5</xdr:col>
      <xdr:colOff>592207</xdr:colOff>
      <xdr:row>109</xdr:row>
      <xdr:rowOff>1009651</xdr:rowOff>
    </xdr:to>
    <xdr:pic>
      <xdr:nvPicPr>
        <xdr:cNvPr id="63" name="图片 222" descr="http://sgcdn.uniview.com/res/201503/27/20150327_1602795_1_787523_140445_0.jpg">
          <a:extLst>
            <a:ext uri="{FF2B5EF4-FFF2-40B4-BE49-F238E27FC236}">
              <a16:creationId xmlns="" xmlns:a16="http://schemas.microsoft.com/office/drawing/2014/main" id="{764211DD-36E3-43CD-957E-A56E0402D3EF}"/>
            </a:ext>
          </a:extLst>
        </xdr:cNvPr>
        <xdr:cNvPicPr>
          <a:picLocks noChangeAspect="1" noChangeArrowheads="1"/>
        </xdr:cNvPicPr>
      </xdr:nvPicPr>
      <xdr:blipFill>
        <a:blip xmlns:r="http://schemas.openxmlformats.org/officeDocument/2006/relationships" r:embed="rId45" cstate="email">
          <a:extLst>
            <a:ext uri="{28A0092B-C50C-407E-A947-70E740481C1C}">
              <a14:useLocalDpi xmlns:a14="http://schemas.microsoft.com/office/drawing/2010/main" xmlns=""/>
            </a:ext>
          </a:extLst>
        </a:blip>
        <a:srcRect/>
        <a:stretch>
          <a:fillRect/>
        </a:stretch>
      </xdr:blipFill>
      <xdr:spPr>
        <a:xfrm>
          <a:off x="5904948" y="45609565"/>
          <a:ext cx="186359" cy="99308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91108</xdr:colOff>
      <xdr:row>117</xdr:row>
      <xdr:rowOff>0</xdr:rowOff>
    </xdr:from>
    <xdr:to>
      <xdr:col>2</xdr:col>
      <xdr:colOff>1178862</xdr:colOff>
      <xdr:row>117</xdr:row>
      <xdr:rowOff>981712</xdr:rowOff>
    </xdr:to>
    <xdr:pic>
      <xdr:nvPicPr>
        <xdr:cNvPr id="64" name="图片 223" descr="http://sgcdn.uniview.com/res/201503/27/20150327_1602852_1_787570_140445_0.jpg">
          <a:extLst>
            <a:ext uri="{FF2B5EF4-FFF2-40B4-BE49-F238E27FC236}">
              <a16:creationId xmlns="" xmlns:a16="http://schemas.microsoft.com/office/drawing/2014/main" id="{C278B8D8-D630-4EDF-A236-B0A848118391}"/>
            </a:ext>
          </a:extLst>
        </xdr:cNvPr>
        <xdr:cNvPicPr>
          <a:picLocks noChangeAspect="1" noChangeArrowheads="1"/>
        </xdr:cNvPicPr>
      </xdr:nvPicPr>
      <xdr:blipFill>
        <a:blip xmlns:r="http://schemas.openxmlformats.org/officeDocument/2006/relationships" r:embed="rId46" cstate="email">
          <a:extLst>
            <a:ext uri="{28A0092B-C50C-407E-A947-70E740481C1C}">
              <a14:useLocalDpi xmlns:a14="http://schemas.microsoft.com/office/drawing/2010/main" xmlns=""/>
            </a:ext>
          </a:extLst>
        </a:blip>
        <a:srcRect/>
        <a:stretch>
          <a:fillRect/>
        </a:stretch>
      </xdr:blipFill>
      <xdr:spPr>
        <a:xfrm>
          <a:off x="1996108" y="48939450"/>
          <a:ext cx="1087754" cy="98171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3</xdr:col>
      <xdr:colOff>115957</xdr:colOff>
      <xdr:row>117</xdr:row>
      <xdr:rowOff>57978</xdr:rowOff>
    </xdr:from>
    <xdr:to>
      <xdr:col>3</xdr:col>
      <xdr:colOff>1182759</xdr:colOff>
      <xdr:row>117</xdr:row>
      <xdr:rowOff>923166</xdr:rowOff>
    </xdr:to>
    <xdr:pic>
      <xdr:nvPicPr>
        <xdr:cNvPr id="65" name="图片 224" descr="http://sgcdn.uniview.com/res/201511/10/20151110_1605287_1-B_788242_140445_0.jpg">
          <a:extLst>
            <a:ext uri="{FF2B5EF4-FFF2-40B4-BE49-F238E27FC236}">
              <a16:creationId xmlns="" xmlns:a16="http://schemas.microsoft.com/office/drawing/2014/main" id="{71553102-44B1-41FD-A927-8C2D1A669848}"/>
            </a:ext>
          </a:extLst>
        </xdr:cNvPr>
        <xdr:cNvPicPr>
          <a:picLocks noChangeAspect="1" noChangeArrowheads="1"/>
        </xdr:cNvPicPr>
      </xdr:nvPicPr>
      <xdr:blipFill>
        <a:blip xmlns:r="http://schemas.openxmlformats.org/officeDocument/2006/relationships" r:embed="rId47" cstate="email">
          <a:extLst>
            <a:ext uri="{28A0092B-C50C-407E-A947-70E740481C1C}">
              <a14:useLocalDpi xmlns:a14="http://schemas.microsoft.com/office/drawing/2010/main" xmlns=""/>
            </a:ext>
          </a:extLst>
        </a:blip>
        <a:srcRect/>
        <a:stretch>
          <a:fillRect/>
        </a:stretch>
      </xdr:blipFill>
      <xdr:spPr>
        <a:xfrm>
          <a:off x="3227457" y="48997428"/>
          <a:ext cx="1066802" cy="86518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4</xdr:col>
      <xdr:colOff>173934</xdr:colOff>
      <xdr:row>117</xdr:row>
      <xdr:rowOff>24847</xdr:rowOff>
    </xdr:from>
    <xdr:to>
      <xdr:col>4</xdr:col>
      <xdr:colOff>1040710</xdr:colOff>
      <xdr:row>117</xdr:row>
      <xdr:rowOff>913847</xdr:rowOff>
    </xdr:to>
    <xdr:pic>
      <xdr:nvPicPr>
        <xdr:cNvPr id="66" name="图片 225" descr="http://sgcdn.uniview.com/res/201802/09/20180209_1611831_11_790301_140445_0.jpg">
          <a:extLst>
            <a:ext uri="{FF2B5EF4-FFF2-40B4-BE49-F238E27FC236}">
              <a16:creationId xmlns="" xmlns:a16="http://schemas.microsoft.com/office/drawing/2014/main" id="{20157F8A-8013-4498-8A1E-AA3ABE5CC051}"/>
            </a:ext>
          </a:extLst>
        </xdr:cNvPr>
        <xdr:cNvPicPr>
          <a:picLocks noChangeAspect="1" noChangeArrowheads="1"/>
        </xdr:cNvPicPr>
      </xdr:nvPicPr>
      <xdr:blipFill>
        <a:blip xmlns:r="http://schemas.openxmlformats.org/officeDocument/2006/relationships" r:embed="rId48" cstate="email">
          <a:extLst>
            <a:ext uri="{28A0092B-C50C-407E-A947-70E740481C1C}">
              <a14:useLocalDpi xmlns:a14="http://schemas.microsoft.com/office/drawing/2010/main" xmlns=""/>
            </a:ext>
          </a:extLst>
        </a:blip>
        <a:srcRect/>
        <a:stretch>
          <a:fillRect/>
        </a:stretch>
      </xdr:blipFill>
      <xdr:spPr>
        <a:xfrm>
          <a:off x="4491934" y="48964297"/>
          <a:ext cx="866776" cy="88900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5</xdr:col>
      <xdr:colOff>240195</xdr:colOff>
      <xdr:row>117</xdr:row>
      <xdr:rowOff>8283</xdr:rowOff>
    </xdr:from>
    <xdr:to>
      <xdr:col>5</xdr:col>
      <xdr:colOff>960783</xdr:colOff>
      <xdr:row>117</xdr:row>
      <xdr:rowOff>985351</xdr:rowOff>
    </xdr:to>
    <xdr:pic>
      <xdr:nvPicPr>
        <xdr:cNvPr id="67" name="图片 226" descr="http://sgcdn.uniview.com/res/201511/10/20151110_1605273_1-B_788193_140445_0.jpg">
          <a:extLst>
            <a:ext uri="{FF2B5EF4-FFF2-40B4-BE49-F238E27FC236}">
              <a16:creationId xmlns="" xmlns:a16="http://schemas.microsoft.com/office/drawing/2014/main" id="{628013AC-4F18-48EC-B8B7-030C44BB92A5}"/>
            </a:ext>
          </a:extLst>
        </xdr:cNvPr>
        <xdr:cNvPicPr>
          <a:picLocks noChangeAspect="1" noChangeArrowheads="1"/>
        </xdr:cNvPicPr>
      </xdr:nvPicPr>
      <xdr:blipFill>
        <a:blip xmlns:r="http://schemas.openxmlformats.org/officeDocument/2006/relationships" r:embed="rId49" cstate="email">
          <a:extLst>
            <a:ext uri="{28A0092B-C50C-407E-A947-70E740481C1C}">
              <a14:useLocalDpi xmlns:a14="http://schemas.microsoft.com/office/drawing/2010/main" xmlns=""/>
            </a:ext>
          </a:extLst>
        </a:blip>
        <a:srcRect/>
        <a:stretch>
          <a:fillRect/>
        </a:stretch>
      </xdr:blipFill>
      <xdr:spPr>
        <a:xfrm>
          <a:off x="5739295" y="48947733"/>
          <a:ext cx="720588" cy="97706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3</xdr:col>
      <xdr:colOff>482460</xdr:colOff>
      <xdr:row>125</xdr:row>
      <xdr:rowOff>134025</xdr:rowOff>
    </xdr:from>
    <xdr:to>
      <xdr:col>3</xdr:col>
      <xdr:colOff>853108</xdr:colOff>
      <xdr:row>125</xdr:row>
      <xdr:rowOff>942709</xdr:rowOff>
    </xdr:to>
    <xdr:pic>
      <xdr:nvPicPr>
        <xdr:cNvPr id="68" name="图片 227" descr="http://sgcdn.uniview.com/res/201802/09/20180209_1611792_11_790265_140445_0.jpg">
          <a:extLst>
            <a:ext uri="{FF2B5EF4-FFF2-40B4-BE49-F238E27FC236}">
              <a16:creationId xmlns="" xmlns:a16="http://schemas.microsoft.com/office/drawing/2014/main" id="{3E307821-3FE0-48DB-8D8F-C9AFC31D8512}"/>
            </a:ext>
          </a:extLst>
        </xdr:cNvPr>
        <xdr:cNvPicPr>
          <a:picLocks noChangeAspect="1" noChangeArrowheads="1"/>
        </xdr:cNvPicPr>
      </xdr:nvPicPr>
      <xdr:blipFill>
        <a:blip xmlns:r="http://schemas.openxmlformats.org/officeDocument/2006/relationships" r:embed="rId50" cstate="email">
          <a:extLst>
            <a:ext uri="{28A0092B-C50C-407E-A947-70E740481C1C}">
              <a14:useLocalDpi xmlns:a14="http://schemas.microsoft.com/office/drawing/2010/main" xmlns=""/>
            </a:ext>
          </a:extLst>
        </a:blip>
        <a:srcRect/>
        <a:stretch>
          <a:fillRect/>
        </a:stretch>
      </xdr:blipFill>
      <xdr:spPr>
        <a:xfrm flipV="1">
          <a:off x="3593960" y="52477075"/>
          <a:ext cx="370648" cy="80868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4</xdr:col>
      <xdr:colOff>499500</xdr:colOff>
      <xdr:row>125</xdr:row>
      <xdr:rowOff>80342</xdr:rowOff>
    </xdr:from>
    <xdr:to>
      <xdr:col>4</xdr:col>
      <xdr:colOff>767314</xdr:colOff>
      <xdr:row>125</xdr:row>
      <xdr:rowOff>985630</xdr:rowOff>
    </xdr:to>
    <xdr:pic>
      <xdr:nvPicPr>
        <xdr:cNvPr id="69" name="图片 228" descr="http://sgcdn.uniview.com/res/201503/27/20150327_1602788_1_787516_140445_0.jpg">
          <a:extLst>
            <a:ext uri="{FF2B5EF4-FFF2-40B4-BE49-F238E27FC236}">
              <a16:creationId xmlns="" xmlns:a16="http://schemas.microsoft.com/office/drawing/2014/main" id="{CC4A456A-5864-4265-9EB6-6DE3D89B092C}"/>
            </a:ext>
          </a:extLst>
        </xdr:cNvPr>
        <xdr:cNvPicPr>
          <a:picLocks noChangeAspect="1" noChangeArrowheads="1"/>
        </xdr:cNvPicPr>
      </xdr:nvPicPr>
      <xdr:blipFill>
        <a:blip xmlns:r="http://schemas.openxmlformats.org/officeDocument/2006/relationships" r:embed="rId51" cstate="email">
          <a:extLst>
            <a:ext uri="{28A0092B-C50C-407E-A947-70E740481C1C}">
              <a14:useLocalDpi xmlns:a14="http://schemas.microsoft.com/office/drawing/2010/main" xmlns=""/>
            </a:ext>
          </a:extLst>
        </a:blip>
        <a:srcRect/>
        <a:stretch>
          <a:fillRect/>
        </a:stretch>
      </xdr:blipFill>
      <xdr:spPr>
        <a:xfrm>
          <a:off x="4817500" y="52423392"/>
          <a:ext cx="267814" cy="90528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182219</xdr:colOff>
      <xdr:row>133</xdr:row>
      <xdr:rowOff>72762</xdr:rowOff>
    </xdr:from>
    <xdr:to>
      <xdr:col>2</xdr:col>
      <xdr:colOff>1181431</xdr:colOff>
      <xdr:row>133</xdr:row>
      <xdr:rowOff>875252</xdr:rowOff>
    </xdr:to>
    <xdr:pic>
      <xdr:nvPicPr>
        <xdr:cNvPr id="70" name="图片 229" descr="http://sgcdn.uniview.com/res/201511/10/20151110_1605287_1-B_788242_140445_0.jpg">
          <a:extLst>
            <a:ext uri="{FF2B5EF4-FFF2-40B4-BE49-F238E27FC236}">
              <a16:creationId xmlns="" xmlns:a16="http://schemas.microsoft.com/office/drawing/2014/main" id="{F20BCED7-E5E4-42A2-B769-F7BB25D1C7E3}"/>
            </a:ext>
          </a:extLst>
        </xdr:cNvPr>
        <xdr:cNvPicPr>
          <a:picLocks noChangeAspect="1" noChangeArrowheads="1"/>
        </xdr:cNvPicPr>
      </xdr:nvPicPr>
      <xdr:blipFill>
        <a:blip xmlns:r="http://schemas.openxmlformats.org/officeDocument/2006/relationships" r:embed="rId52" cstate="email">
          <a:extLst>
            <a:ext uri="{28A0092B-C50C-407E-A947-70E740481C1C}">
              <a14:useLocalDpi xmlns:a14="http://schemas.microsoft.com/office/drawing/2010/main" xmlns=""/>
            </a:ext>
          </a:extLst>
        </a:blip>
        <a:srcRect/>
        <a:stretch>
          <a:fillRect/>
        </a:stretch>
      </xdr:blipFill>
      <xdr:spPr>
        <a:xfrm>
          <a:off x="2087219" y="55654312"/>
          <a:ext cx="999212" cy="80249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3</xdr:col>
      <xdr:colOff>190500</xdr:colOff>
      <xdr:row>133</xdr:row>
      <xdr:rowOff>74543</xdr:rowOff>
    </xdr:from>
    <xdr:to>
      <xdr:col>3</xdr:col>
      <xdr:colOff>1057276</xdr:colOff>
      <xdr:row>133</xdr:row>
      <xdr:rowOff>963543</xdr:rowOff>
    </xdr:to>
    <xdr:pic>
      <xdr:nvPicPr>
        <xdr:cNvPr id="71" name="图片 230" descr="http://sgcdn.uniview.com/res/201802/09/20180209_1611831_11_790301_140445_0.jpg">
          <a:extLst>
            <a:ext uri="{FF2B5EF4-FFF2-40B4-BE49-F238E27FC236}">
              <a16:creationId xmlns="" xmlns:a16="http://schemas.microsoft.com/office/drawing/2014/main" id="{11C0CE30-6612-468B-9338-3BEC8FFC0C5A}"/>
            </a:ext>
          </a:extLst>
        </xdr:cNvPr>
        <xdr:cNvPicPr>
          <a:picLocks noChangeAspect="1" noChangeArrowheads="1"/>
        </xdr:cNvPicPr>
      </xdr:nvPicPr>
      <xdr:blipFill>
        <a:blip xmlns:r="http://schemas.openxmlformats.org/officeDocument/2006/relationships" r:embed="rId48" cstate="email">
          <a:extLst>
            <a:ext uri="{28A0092B-C50C-407E-A947-70E740481C1C}">
              <a14:useLocalDpi xmlns:a14="http://schemas.microsoft.com/office/drawing/2010/main" xmlns=""/>
            </a:ext>
          </a:extLst>
        </a:blip>
        <a:srcRect/>
        <a:stretch>
          <a:fillRect/>
        </a:stretch>
      </xdr:blipFill>
      <xdr:spPr>
        <a:xfrm>
          <a:off x="3302000" y="55656093"/>
          <a:ext cx="866776" cy="88900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4</xdr:col>
      <xdr:colOff>202685</xdr:colOff>
      <xdr:row>133</xdr:row>
      <xdr:rowOff>37158</xdr:rowOff>
    </xdr:from>
    <xdr:to>
      <xdr:col>4</xdr:col>
      <xdr:colOff>919371</xdr:colOff>
      <xdr:row>133</xdr:row>
      <xdr:rowOff>1011656</xdr:rowOff>
    </xdr:to>
    <xdr:pic>
      <xdr:nvPicPr>
        <xdr:cNvPr id="72" name="图片 231" descr="http://sgcdn.uniview.com/res/201511/10/20151110_1605273_1-B_788193_140445_0.jpg">
          <a:extLst>
            <a:ext uri="{FF2B5EF4-FFF2-40B4-BE49-F238E27FC236}">
              <a16:creationId xmlns="" xmlns:a16="http://schemas.microsoft.com/office/drawing/2014/main" id="{4816EED2-44A5-4082-9D04-2E6D33CAD4AC}"/>
            </a:ext>
          </a:extLst>
        </xdr:cNvPr>
        <xdr:cNvPicPr>
          <a:picLocks noChangeAspect="1" noChangeArrowheads="1"/>
        </xdr:cNvPicPr>
      </xdr:nvPicPr>
      <xdr:blipFill>
        <a:blip xmlns:r="http://schemas.openxmlformats.org/officeDocument/2006/relationships" r:embed="rId53" cstate="email">
          <a:extLst>
            <a:ext uri="{28A0092B-C50C-407E-A947-70E740481C1C}">
              <a14:useLocalDpi xmlns:a14="http://schemas.microsoft.com/office/drawing/2010/main" xmlns=""/>
            </a:ext>
          </a:extLst>
        </a:blip>
        <a:srcRect/>
        <a:stretch>
          <a:fillRect/>
        </a:stretch>
      </xdr:blipFill>
      <xdr:spPr>
        <a:xfrm>
          <a:off x="4520685" y="55618708"/>
          <a:ext cx="716686" cy="97449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3</xdr:col>
      <xdr:colOff>483152</xdr:colOff>
      <xdr:row>141</xdr:row>
      <xdr:rowOff>66259</xdr:rowOff>
    </xdr:from>
    <xdr:to>
      <xdr:col>3</xdr:col>
      <xdr:colOff>885550</xdr:colOff>
      <xdr:row>141</xdr:row>
      <xdr:rowOff>944217</xdr:rowOff>
    </xdr:to>
    <xdr:pic>
      <xdr:nvPicPr>
        <xdr:cNvPr id="73" name="图片 232" descr="http://sgcdn.uniview.com/res/201802/09/20180209_1611792_11_790265_140445_0.jpg">
          <a:extLst>
            <a:ext uri="{FF2B5EF4-FFF2-40B4-BE49-F238E27FC236}">
              <a16:creationId xmlns="" xmlns:a16="http://schemas.microsoft.com/office/drawing/2014/main" id="{D2D6F30E-C305-481D-8F30-C2564CDF8D7A}"/>
            </a:ext>
          </a:extLst>
        </xdr:cNvPr>
        <xdr:cNvPicPr>
          <a:picLocks noChangeAspect="1" noChangeArrowheads="1"/>
        </xdr:cNvPicPr>
      </xdr:nvPicPr>
      <xdr:blipFill>
        <a:blip xmlns:r="http://schemas.openxmlformats.org/officeDocument/2006/relationships" r:embed="rId54" cstate="email">
          <a:extLst>
            <a:ext uri="{28A0092B-C50C-407E-A947-70E740481C1C}">
              <a14:useLocalDpi xmlns:a14="http://schemas.microsoft.com/office/drawing/2010/main" xmlns=""/>
            </a:ext>
          </a:extLst>
        </a:blip>
        <a:srcRect/>
        <a:stretch>
          <a:fillRect/>
        </a:stretch>
      </xdr:blipFill>
      <xdr:spPr>
        <a:xfrm flipV="1">
          <a:off x="3594652" y="58791059"/>
          <a:ext cx="402398" cy="87795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5</xdr:col>
      <xdr:colOff>24848</xdr:colOff>
      <xdr:row>141</xdr:row>
      <xdr:rowOff>74543</xdr:rowOff>
    </xdr:from>
    <xdr:to>
      <xdr:col>5</xdr:col>
      <xdr:colOff>1076410</xdr:colOff>
      <xdr:row>141</xdr:row>
      <xdr:rowOff>939731</xdr:rowOff>
    </xdr:to>
    <xdr:pic>
      <xdr:nvPicPr>
        <xdr:cNvPr id="74" name="图片 233" descr="http://sgcdn.uniview.com/res/201511/10/20151110_1605287_1-B_788242_140445_0.jpg">
          <a:extLst>
            <a:ext uri="{FF2B5EF4-FFF2-40B4-BE49-F238E27FC236}">
              <a16:creationId xmlns="" xmlns:a16="http://schemas.microsoft.com/office/drawing/2014/main" id="{747F380E-EBDF-4329-892B-EF579BCDA35A}"/>
            </a:ext>
          </a:extLst>
        </xdr:cNvPr>
        <xdr:cNvPicPr>
          <a:picLocks noChangeAspect="1" noChangeArrowheads="1"/>
        </xdr:cNvPicPr>
      </xdr:nvPicPr>
      <xdr:blipFill>
        <a:blip xmlns:r="http://schemas.openxmlformats.org/officeDocument/2006/relationships" r:embed="rId55" cstate="email">
          <a:extLst>
            <a:ext uri="{28A0092B-C50C-407E-A947-70E740481C1C}">
              <a14:useLocalDpi xmlns:a14="http://schemas.microsoft.com/office/drawing/2010/main" xmlns=""/>
            </a:ext>
          </a:extLst>
        </a:blip>
        <a:srcRect/>
        <a:stretch>
          <a:fillRect/>
        </a:stretch>
      </xdr:blipFill>
      <xdr:spPr>
        <a:xfrm>
          <a:off x="5523948" y="58799343"/>
          <a:ext cx="1051562" cy="86518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6</xdr:col>
      <xdr:colOff>157370</xdr:colOff>
      <xdr:row>141</xdr:row>
      <xdr:rowOff>24848</xdr:rowOff>
    </xdr:from>
    <xdr:to>
      <xdr:col>6</xdr:col>
      <xdr:colOff>1024146</xdr:colOff>
      <xdr:row>141</xdr:row>
      <xdr:rowOff>913848</xdr:rowOff>
    </xdr:to>
    <xdr:pic>
      <xdr:nvPicPr>
        <xdr:cNvPr id="75" name="图片 234" descr="http://sgcdn.uniview.com/res/201802/09/20180209_1611831_11_790301_140445_0.jpg">
          <a:extLst>
            <a:ext uri="{FF2B5EF4-FFF2-40B4-BE49-F238E27FC236}">
              <a16:creationId xmlns="" xmlns:a16="http://schemas.microsoft.com/office/drawing/2014/main" id="{EB6B0DC9-4621-48EB-91EF-30694BF435BE}"/>
            </a:ext>
          </a:extLst>
        </xdr:cNvPr>
        <xdr:cNvPicPr>
          <a:picLocks noChangeAspect="1" noChangeArrowheads="1"/>
        </xdr:cNvPicPr>
      </xdr:nvPicPr>
      <xdr:blipFill>
        <a:blip xmlns:r="http://schemas.openxmlformats.org/officeDocument/2006/relationships" r:embed="rId48" cstate="email">
          <a:extLst>
            <a:ext uri="{28A0092B-C50C-407E-A947-70E740481C1C}">
              <a14:useLocalDpi xmlns:a14="http://schemas.microsoft.com/office/drawing/2010/main" xmlns=""/>
            </a:ext>
          </a:extLst>
        </a:blip>
        <a:srcRect/>
        <a:stretch>
          <a:fillRect/>
        </a:stretch>
      </xdr:blipFill>
      <xdr:spPr>
        <a:xfrm>
          <a:off x="6907420" y="58749648"/>
          <a:ext cx="866776" cy="88900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7</xdr:col>
      <xdr:colOff>35533</xdr:colOff>
      <xdr:row>141</xdr:row>
      <xdr:rowOff>109743</xdr:rowOff>
    </xdr:from>
    <xdr:to>
      <xdr:col>7</xdr:col>
      <xdr:colOff>1149411</xdr:colOff>
      <xdr:row>141</xdr:row>
      <xdr:rowOff>894521</xdr:rowOff>
    </xdr:to>
    <xdr:pic>
      <xdr:nvPicPr>
        <xdr:cNvPr id="76" name="图片 235" descr="http://sgcdn.uniview.com/res/201503/27/20150327_1602777_1_787508_140445_0.jpg">
          <a:extLst>
            <a:ext uri="{FF2B5EF4-FFF2-40B4-BE49-F238E27FC236}">
              <a16:creationId xmlns="" xmlns:a16="http://schemas.microsoft.com/office/drawing/2014/main" id="{9CD25B17-683C-45A7-8BA0-43C812DAC119}"/>
            </a:ext>
          </a:extLst>
        </xdr:cNvPr>
        <xdr:cNvPicPr>
          <a:picLocks noChangeAspect="1" noChangeArrowheads="1"/>
        </xdr:cNvPicPr>
      </xdr:nvPicPr>
      <xdr:blipFill>
        <a:blip xmlns:r="http://schemas.openxmlformats.org/officeDocument/2006/relationships" r:embed="rId56" cstate="email">
          <a:extLst>
            <a:ext uri="{28A0092B-C50C-407E-A947-70E740481C1C}">
              <a14:useLocalDpi xmlns:a14="http://schemas.microsoft.com/office/drawing/2010/main" xmlns=""/>
            </a:ext>
          </a:extLst>
        </a:blip>
        <a:srcRect/>
        <a:stretch>
          <a:fillRect/>
        </a:stretch>
      </xdr:blipFill>
      <xdr:spPr>
        <a:xfrm>
          <a:off x="8296883" y="58834543"/>
          <a:ext cx="1113878" cy="78477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3</xdr:col>
      <xdr:colOff>144145</xdr:colOff>
      <xdr:row>19</xdr:row>
      <xdr:rowOff>15240</xdr:rowOff>
    </xdr:from>
    <xdr:to>
      <xdr:col>3</xdr:col>
      <xdr:colOff>1138057</xdr:colOff>
      <xdr:row>20</xdr:row>
      <xdr:rowOff>2026</xdr:rowOff>
    </xdr:to>
    <xdr:pic>
      <xdr:nvPicPr>
        <xdr:cNvPr id="77" name="图片 236" descr="http://sgcdn.uniview.com/res/201802/09/20180209_1611817_11_790286_140445_0.jpg">
          <a:extLst>
            <a:ext uri="{FF2B5EF4-FFF2-40B4-BE49-F238E27FC236}">
              <a16:creationId xmlns="" xmlns:a16="http://schemas.microsoft.com/office/drawing/2014/main" id="{FAB5B494-3224-438A-A8E4-D0C729F1C5EE}"/>
            </a:ext>
          </a:extLst>
        </xdr:cNvPr>
        <xdr:cNvPicPr>
          <a:picLocks noChangeAspect="1" noChangeArrowheads="1"/>
        </xdr:cNvPicPr>
      </xdr:nvPicPr>
      <xdr:blipFill>
        <a:blip xmlns:r="http://schemas.openxmlformats.org/officeDocument/2006/relationships" r:embed="rId57" cstate="email">
          <a:extLst>
            <a:ext uri="{28A0092B-C50C-407E-A947-70E740481C1C}">
              <a14:useLocalDpi xmlns:a14="http://schemas.microsoft.com/office/drawing/2010/main" xmlns=""/>
            </a:ext>
          </a:extLst>
        </a:blip>
        <a:srcRect/>
        <a:stretch>
          <a:fillRect/>
        </a:stretch>
      </xdr:blipFill>
      <xdr:spPr>
        <a:xfrm>
          <a:off x="3255645" y="7273290"/>
          <a:ext cx="993912" cy="90753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2</xdr:col>
      <xdr:colOff>361950</xdr:colOff>
      <xdr:row>27</xdr:row>
      <xdr:rowOff>238125</xdr:rowOff>
    </xdr:from>
    <xdr:ext cx="713943" cy="0"/>
    <xdr:pic>
      <xdr:nvPicPr>
        <xdr:cNvPr id="78" name="图片 237">
          <a:extLst>
            <a:ext uri="{FF2B5EF4-FFF2-40B4-BE49-F238E27FC236}">
              <a16:creationId xmlns="" xmlns:a16="http://schemas.microsoft.com/office/drawing/2014/main" id="{D57CF3E3-3619-4518-8FAA-54CE9F74E002}"/>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xmlns=""/>
            </a:ext>
          </a:extLst>
        </a:blip>
        <a:srcRect/>
        <a:stretch>
          <a:fillRect/>
        </a:stretch>
      </xdr:blipFill>
      <xdr:spPr>
        <a:xfrm>
          <a:off x="2266950" y="11191875"/>
          <a:ext cx="713943" cy="0"/>
        </a:xfrm>
        <a:prstGeom prst="rect">
          <a:avLst/>
        </a:prstGeom>
        <a:noFill/>
        <a:ln w="9525">
          <a:noFill/>
          <a:miter lim="800000"/>
          <a:headEnd/>
          <a:tailEnd/>
        </a:ln>
      </xdr:spPr>
    </xdr:pic>
    <xdr:clientData/>
  </xdr:oneCellAnchor>
  <xdr:twoCellAnchor editAs="oneCell">
    <xdr:from>
      <xdr:col>2</xdr:col>
      <xdr:colOff>112058</xdr:colOff>
      <xdr:row>27</xdr:row>
      <xdr:rowOff>190499</xdr:rowOff>
    </xdr:from>
    <xdr:to>
      <xdr:col>2</xdr:col>
      <xdr:colOff>1071380</xdr:colOff>
      <xdr:row>27</xdr:row>
      <xdr:rowOff>806823</xdr:rowOff>
    </xdr:to>
    <xdr:pic>
      <xdr:nvPicPr>
        <xdr:cNvPr id="79" name="Picture 2">
          <a:extLst>
            <a:ext uri="{FF2B5EF4-FFF2-40B4-BE49-F238E27FC236}">
              <a16:creationId xmlns="" xmlns:a16="http://schemas.microsoft.com/office/drawing/2014/main" id="{0E17FAA1-5A87-4B3B-9448-9451A2EE4E8E}"/>
            </a:ext>
          </a:extLst>
        </xdr:cNvPr>
        <xdr:cNvPicPr>
          <a:picLocks noChangeAspect="1" noChangeArrowheads="1"/>
        </xdr:cNvPicPr>
      </xdr:nvPicPr>
      <xdr:blipFill>
        <a:blip xmlns:r="http://schemas.openxmlformats.org/officeDocument/2006/relationships" r:embed="rId26" cstate="email">
          <a:extLst>
            <a:ext uri="{28A0092B-C50C-407E-A947-70E740481C1C}">
              <a14:useLocalDpi xmlns:a14="http://schemas.microsoft.com/office/drawing/2010/main" xmlns=""/>
            </a:ext>
          </a:extLst>
        </a:blip>
        <a:srcRect/>
        <a:stretch>
          <a:fillRect/>
        </a:stretch>
      </xdr:blipFill>
      <xdr:spPr>
        <a:xfrm>
          <a:off x="2017058" y="11144249"/>
          <a:ext cx="959322" cy="616324"/>
        </a:xfrm>
        <a:prstGeom prst="rect">
          <a:avLst/>
        </a:prstGeom>
        <a:noFill/>
        <a:ln w="9525">
          <a:noFill/>
          <a:miter lim="800000"/>
          <a:headEnd/>
          <a:tailEnd/>
        </a:ln>
      </xdr:spPr>
    </xdr:pic>
    <xdr:clientData/>
  </xdr:twoCellAnchor>
  <xdr:twoCellAnchor editAs="oneCell">
    <xdr:from>
      <xdr:col>3</xdr:col>
      <xdr:colOff>66262</xdr:colOff>
      <xdr:row>27</xdr:row>
      <xdr:rowOff>49697</xdr:rowOff>
    </xdr:from>
    <xdr:to>
      <xdr:col>3</xdr:col>
      <xdr:colOff>1060174</xdr:colOff>
      <xdr:row>27</xdr:row>
      <xdr:rowOff>957233</xdr:rowOff>
    </xdr:to>
    <xdr:pic>
      <xdr:nvPicPr>
        <xdr:cNvPr id="80" name="图片 239" descr="http://sgcdn.uniview.com/res/201802/09/20180209_1611817_11_790286_140445_0.jpg">
          <a:extLst>
            <a:ext uri="{FF2B5EF4-FFF2-40B4-BE49-F238E27FC236}">
              <a16:creationId xmlns="" xmlns:a16="http://schemas.microsoft.com/office/drawing/2014/main" id="{022C6978-2FA5-4E4B-A5A9-E698336C05CC}"/>
            </a:ext>
          </a:extLst>
        </xdr:cNvPr>
        <xdr:cNvPicPr>
          <a:picLocks noChangeAspect="1" noChangeArrowheads="1"/>
        </xdr:cNvPicPr>
      </xdr:nvPicPr>
      <xdr:blipFill>
        <a:blip xmlns:r="http://schemas.openxmlformats.org/officeDocument/2006/relationships" r:embed="rId57" cstate="email">
          <a:extLst>
            <a:ext uri="{28A0092B-C50C-407E-A947-70E740481C1C}">
              <a14:useLocalDpi xmlns:a14="http://schemas.microsoft.com/office/drawing/2010/main" xmlns=""/>
            </a:ext>
          </a:extLst>
        </a:blip>
        <a:srcRect/>
        <a:stretch>
          <a:fillRect/>
        </a:stretch>
      </xdr:blipFill>
      <xdr:spPr>
        <a:xfrm>
          <a:off x="3177762" y="11003447"/>
          <a:ext cx="993912" cy="90753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4</xdr:col>
      <xdr:colOff>403412</xdr:colOff>
      <xdr:row>27</xdr:row>
      <xdr:rowOff>291354</xdr:rowOff>
    </xdr:from>
    <xdr:ext cx="350520" cy="448310"/>
    <xdr:pic>
      <xdr:nvPicPr>
        <xdr:cNvPr id="81" name="图片 240" descr="134345546">
          <a:extLst>
            <a:ext uri="{FF2B5EF4-FFF2-40B4-BE49-F238E27FC236}">
              <a16:creationId xmlns="" xmlns:a16="http://schemas.microsoft.com/office/drawing/2014/main" id="{7A7DC622-36F5-4004-B017-8CB9C3671B2A}"/>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4721412" y="11245104"/>
          <a:ext cx="350520" cy="448310"/>
        </a:xfrm>
        <a:prstGeom prst="rect">
          <a:avLst/>
        </a:prstGeom>
      </xdr:spPr>
    </xdr:pic>
    <xdr:clientData/>
  </xdr:oneCellAnchor>
  <xdr:twoCellAnchor editAs="oneCell">
    <xdr:from>
      <xdr:col>0</xdr:col>
      <xdr:colOff>0</xdr:colOff>
      <xdr:row>11</xdr:row>
      <xdr:rowOff>1001486</xdr:rowOff>
    </xdr:from>
    <xdr:to>
      <xdr:col>0</xdr:col>
      <xdr:colOff>948814</xdr:colOff>
      <xdr:row>14</xdr:row>
      <xdr:rowOff>463043</xdr:rowOff>
    </xdr:to>
    <xdr:pic>
      <xdr:nvPicPr>
        <xdr:cNvPr id="82" name="图片 241">
          <a:extLst>
            <a:ext uri="{FF2B5EF4-FFF2-40B4-BE49-F238E27FC236}">
              <a16:creationId xmlns="" xmlns:a16="http://schemas.microsoft.com/office/drawing/2014/main" id="{BAFC7ABE-919B-431D-8506-FC24016020DF}"/>
            </a:ext>
          </a:extLst>
        </xdr:cNvPr>
        <xdr:cNvPicPr>
          <a:picLocks noChangeAspect="1"/>
        </xdr:cNvPicPr>
      </xdr:nvPicPr>
      <xdr:blipFill>
        <a:blip xmlns:r="http://schemas.openxmlformats.org/officeDocument/2006/relationships" r:embed="rId58" cstate="email">
          <a:extLst>
            <a:ext uri="{28A0092B-C50C-407E-A947-70E740481C1C}">
              <a14:useLocalDpi xmlns:a14="http://schemas.microsoft.com/office/drawing/2010/main" xmlns=""/>
            </a:ext>
          </a:extLst>
        </a:blip>
        <a:srcRect/>
        <a:stretch>
          <a:fillRect/>
        </a:stretch>
      </xdr:blipFill>
      <xdr:spPr>
        <a:xfrm>
          <a:off x="0" y="4665436"/>
          <a:ext cx="948814" cy="833157"/>
        </a:xfrm>
        <a:prstGeom prst="rect">
          <a:avLst/>
        </a:prstGeom>
      </xdr:spPr>
    </xdr:pic>
    <xdr:clientData/>
  </xdr:twoCellAnchor>
  <xdr:twoCellAnchor editAs="oneCell">
    <xdr:from>
      <xdr:col>0</xdr:col>
      <xdr:colOff>0</xdr:colOff>
      <xdr:row>19</xdr:row>
      <xdr:rowOff>489856</xdr:rowOff>
    </xdr:from>
    <xdr:to>
      <xdr:col>0</xdr:col>
      <xdr:colOff>808352</xdr:colOff>
      <xdr:row>20</xdr:row>
      <xdr:rowOff>180975</xdr:rowOff>
    </xdr:to>
    <xdr:pic>
      <xdr:nvPicPr>
        <xdr:cNvPr id="83" name="图片 242">
          <a:extLst>
            <a:ext uri="{FF2B5EF4-FFF2-40B4-BE49-F238E27FC236}">
              <a16:creationId xmlns="" xmlns:a16="http://schemas.microsoft.com/office/drawing/2014/main" id="{84A5B80E-E149-4059-93F8-1F9A624BBB35}"/>
            </a:ext>
          </a:extLst>
        </xdr:cNvPr>
        <xdr:cNvPicPr>
          <a:picLocks noChangeAspect="1"/>
        </xdr:cNvPicPr>
      </xdr:nvPicPr>
      <xdr:blipFill>
        <a:blip xmlns:r="http://schemas.openxmlformats.org/officeDocument/2006/relationships" r:embed="rId59" cstate="email">
          <a:extLst>
            <a:ext uri="{28A0092B-C50C-407E-A947-70E740481C1C}">
              <a14:useLocalDpi xmlns:a14="http://schemas.microsoft.com/office/drawing/2010/main" xmlns=""/>
            </a:ext>
          </a:extLst>
        </a:blip>
        <a:srcRect/>
        <a:stretch>
          <a:fillRect/>
        </a:stretch>
      </xdr:blipFill>
      <xdr:spPr>
        <a:xfrm>
          <a:off x="0" y="7747906"/>
          <a:ext cx="808352" cy="611869"/>
        </a:xfrm>
        <a:prstGeom prst="rect">
          <a:avLst/>
        </a:prstGeom>
        <a:ln>
          <a:noFill/>
        </a:ln>
      </xdr:spPr>
    </xdr:pic>
    <xdr:clientData/>
  </xdr:twoCellAnchor>
  <xdr:twoCellAnchor editAs="oneCell">
    <xdr:from>
      <xdr:col>0</xdr:col>
      <xdr:colOff>32657</xdr:colOff>
      <xdr:row>21</xdr:row>
      <xdr:rowOff>108857</xdr:rowOff>
    </xdr:from>
    <xdr:to>
      <xdr:col>0</xdr:col>
      <xdr:colOff>736426</xdr:colOff>
      <xdr:row>22</xdr:row>
      <xdr:rowOff>511720</xdr:rowOff>
    </xdr:to>
    <xdr:pic>
      <xdr:nvPicPr>
        <xdr:cNvPr id="84" name="图片 243">
          <a:extLst>
            <a:ext uri="{FF2B5EF4-FFF2-40B4-BE49-F238E27FC236}">
              <a16:creationId xmlns="" xmlns:a16="http://schemas.microsoft.com/office/drawing/2014/main" id="{CFD1BC58-572D-4F8D-AFCD-4BB1BF4EF0C3}"/>
            </a:ext>
          </a:extLst>
        </xdr:cNvPr>
        <xdr:cNvPicPr>
          <a:picLocks noChangeAspect="1"/>
        </xdr:cNvPicPr>
      </xdr:nvPicPr>
      <xdr:blipFill>
        <a:blip xmlns:r="http://schemas.openxmlformats.org/officeDocument/2006/relationships" r:embed="rId60" cstate="email">
          <a:extLst>
            <a:ext uri="{28A0092B-C50C-407E-A947-70E740481C1C}">
              <a14:useLocalDpi xmlns:a14="http://schemas.microsoft.com/office/drawing/2010/main" xmlns=""/>
            </a:ext>
          </a:extLst>
        </a:blip>
        <a:stretch>
          <a:fillRect/>
        </a:stretch>
      </xdr:blipFill>
      <xdr:spPr>
        <a:xfrm>
          <a:off x="32657" y="8655957"/>
          <a:ext cx="703769" cy="587012"/>
        </a:xfrm>
        <a:prstGeom prst="rect">
          <a:avLst/>
        </a:prstGeom>
      </xdr:spPr>
    </xdr:pic>
    <xdr:clientData/>
  </xdr:twoCellAnchor>
  <xdr:twoCellAnchor editAs="oneCell">
    <xdr:from>
      <xdr:col>0</xdr:col>
      <xdr:colOff>0</xdr:colOff>
      <xdr:row>27</xdr:row>
      <xdr:rowOff>979713</xdr:rowOff>
    </xdr:from>
    <xdr:to>
      <xdr:col>0</xdr:col>
      <xdr:colOff>818908</xdr:colOff>
      <xdr:row>30</xdr:row>
      <xdr:rowOff>8761</xdr:rowOff>
    </xdr:to>
    <xdr:pic>
      <xdr:nvPicPr>
        <xdr:cNvPr id="85" name="图片 244">
          <a:extLst>
            <a:ext uri="{FF2B5EF4-FFF2-40B4-BE49-F238E27FC236}">
              <a16:creationId xmlns="" xmlns:a16="http://schemas.microsoft.com/office/drawing/2014/main" id="{BB65CBA9-8B30-4D09-8DE9-55524378FDEA}"/>
            </a:ext>
          </a:extLst>
        </xdr:cNvPr>
        <xdr:cNvPicPr>
          <a:picLocks noChangeAspect="1"/>
        </xdr:cNvPicPr>
      </xdr:nvPicPr>
      <xdr:blipFill>
        <a:blip xmlns:r="http://schemas.openxmlformats.org/officeDocument/2006/relationships" r:embed="rId61" cstate="email">
          <a:extLst>
            <a:ext uri="{28A0092B-C50C-407E-A947-70E740481C1C}">
              <a14:useLocalDpi xmlns:a14="http://schemas.microsoft.com/office/drawing/2010/main" xmlns=""/>
            </a:ext>
          </a:extLst>
        </a:blip>
        <a:srcRect/>
        <a:stretch>
          <a:fillRect/>
        </a:stretch>
      </xdr:blipFill>
      <xdr:spPr>
        <a:xfrm>
          <a:off x="0" y="11933463"/>
          <a:ext cx="818908" cy="667348"/>
        </a:xfrm>
        <a:prstGeom prst="rect">
          <a:avLst/>
        </a:prstGeom>
        <a:ln>
          <a:noFill/>
        </a:ln>
      </xdr:spPr>
    </xdr:pic>
    <xdr:clientData/>
  </xdr:twoCellAnchor>
  <xdr:twoCellAnchor editAs="oneCell">
    <xdr:from>
      <xdr:col>0</xdr:col>
      <xdr:colOff>106045</xdr:colOff>
      <xdr:row>35</xdr:row>
      <xdr:rowOff>250190</xdr:rowOff>
    </xdr:from>
    <xdr:to>
      <xdr:col>0</xdr:col>
      <xdr:colOff>872845</xdr:colOff>
      <xdr:row>35</xdr:row>
      <xdr:rowOff>1024288</xdr:rowOff>
    </xdr:to>
    <xdr:pic>
      <xdr:nvPicPr>
        <xdr:cNvPr id="86" name="图片 245">
          <a:extLst>
            <a:ext uri="{FF2B5EF4-FFF2-40B4-BE49-F238E27FC236}">
              <a16:creationId xmlns="" xmlns:a16="http://schemas.microsoft.com/office/drawing/2014/main" id="{C956CD18-A566-4D92-881C-794290BE5209}"/>
            </a:ext>
          </a:extLst>
        </xdr:cNvPr>
        <xdr:cNvPicPr>
          <a:picLocks noChangeAspect="1"/>
        </xdr:cNvPicPr>
      </xdr:nvPicPr>
      <xdr:blipFill>
        <a:blip xmlns:r="http://schemas.openxmlformats.org/officeDocument/2006/relationships" r:embed="rId62" cstate="email">
          <a:extLst>
            <a:ext uri="{28A0092B-C50C-407E-A947-70E740481C1C}">
              <a14:useLocalDpi xmlns:a14="http://schemas.microsoft.com/office/drawing/2010/main" xmlns=""/>
            </a:ext>
          </a:extLst>
        </a:blip>
        <a:stretch>
          <a:fillRect/>
        </a:stretch>
      </xdr:blipFill>
      <xdr:spPr>
        <a:xfrm>
          <a:off x="106045" y="15064740"/>
          <a:ext cx="766800" cy="774098"/>
        </a:xfrm>
        <a:prstGeom prst="rect">
          <a:avLst/>
        </a:prstGeom>
      </xdr:spPr>
    </xdr:pic>
    <xdr:clientData/>
  </xdr:twoCellAnchor>
  <xdr:twoCellAnchor editAs="oneCell">
    <xdr:from>
      <xdr:col>5</xdr:col>
      <xdr:colOff>495935</xdr:colOff>
      <xdr:row>19</xdr:row>
      <xdr:rowOff>86360</xdr:rowOff>
    </xdr:from>
    <xdr:to>
      <xdr:col>5</xdr:col>
      <xdr:colOff>991235</xdr:colOff>
      <xdr:row>20</xdr:row>
      <xdr:rowOff>48260</xdr:rowOff>
    </xdr:to>
    <xdr:pic>
      <xdr:nvPicPr>
        <xdr:cNvPr id="87" name="图片 246" descr="untitled.880.png">
          <a:extLst>
            <a:ext uri="{FF2B5EF4-FFF2-40B4-BE49-F238E27FC236}">
              <a16:creationId xmlns="" xmlns:a16="http://schemas.microsoft.com/office/drawing/2014/main" id="{351D0A2E-A7B6-445D-A108-2896F580288D}"/>
            </a:ext>
          </a:extLst>
        </xdr:cNvPr>
        <xdr:cNvPicPr>
          <a:picLocks noChangeAspect="1"/>
        </xdr:cNvPicPr>
      </xdr:nvPicPr>
      <xdr:blipFill>
        <a:blip xmlns:r="http://schemas.openxmlformats.org/officeDocument/2006/relationships" r:embed="rId63" cstate="email">
          <a:extLst>
            <a:ext uri="{28A0092B-C50C-407E-A947-70E740481C1C}">
              <a14:useLocalDpi xmlns:a14="http://schemas.microsoft.com/office/drawing/2010/main" xmlns=""/>
            </a:ext>
          </a:extLst>
        </a:blip>
        <a:srcRect/>
        <a:stretch>
          <a:fillRect/>
        </a:stretch>
      </xdr:blipFill>
      <xdr:spPr>
        <a:xfrm>
          <a:off x="5995035" y="7344410"/>
          <a:ext cx="495300" cy="882650"/>
        </a:xfrm>
        <a:prstGeom prst="rect">
          <a:avLst/>
        </a:prstGeom>
      </xdr:spPr>
    </xdr:pic>
    <xdr:clientData/>
  </xdr:twoCellAnchor>
  <xdr:twoCellAnchor editAs="oneCell">
    <xdr:from>
      <xdr:col>6</xdr:col>
      <xdr:colOff>530225</xdr:colOff>
      <xdr:row>19</xdr:row>
      <xdr:rowOff>34290</xdr:rowOff>
    </xdr:from>
    <xdr:to>
      <xdr:col>6</xdr:col>
      <xdr:colOff>996950</xdr:colOff>
      <xdr:row>20</xdr:row>
      <xdr:rowOff>34290</xdr:rowOff>
    </xdr:to>
    <xdr:pic>
      <xdr:nvPicPr>
        <xdr:cNvPr id="88" name="图片 247" descr="untitled.882.png">
          <a:extLst>
            <a:ext uri="{FF2B5EF4-FFF2-40B4-BE49-F238E27FC236}">
              <a16:creationId xmlns="" xmlns:a16="http://schemas.microsoft.com/office/drawing/2014/main" id="{9940D80E-7B2E-4FB8-94D0-BD5304D7F73A}"/>
            </a:ext>
          </a:extLst>
        </xdr:cNvPr>
        <xdr:cNvPicPr>
          <a:picLocks noChangeAspect="1"/>
        </xdr:cNvPicPr>
      </xdr:nvPicPr>
      <xdr:blipFill>
        <a:blip xmlns:r="http://schemas.openxmlformats.org/officeDocument/2006/relationships" r:embed="rId64" cstate="email">
          <a:extLst>
            <a:ext uri="{28A0092B-C50C-407E-A947-70E740481C1C}">
              <a14:useLocalDpi xmlns:a14="http://schemas.microsoft.com/office/drawing/2010/main" xmlns=""/>
            </a:ext>
          </a:extLst>
        </a:blip>
        <a:srcRect/>
        <a:stretch>
          <a:fillRect/>
        </a:stretch>
      </xdr:blipFill>
      <xdr:spPr>
        <a:xfrm rot="10800000">
          <a:off x="7280275" y="7292340"/>
          <a:ext cx="466725" cy="920750"/>
        </a:xfrm>
        <a:prstGeom prst="rect">
          <a:avLst/>
        </a:prstGeom>
      </xdr:spPr>
    </xdr:pic>
    <xdr:clientData/>
  </xdr:twoCellAnchor>
  <xdr:twoCellAnchor editAs="oneCell">
    <xdr:from>
      <xdr:col>7</xdr:col>
      <xdr:colOff>554355</xdr:colOff>
      <xdr:row>19</xdr:row>
      <xdr:rowOff>12700</xdr:rowOff>
    </xdr:from>
    <xdr:to>
      <xdr:col>7</xdr:col>
      <xdr:colOff>973456</xdr:colOff>
      <xdr:row>19</xdr:row>
      <xdr:rowOff>915379</xdr:rowOff>
    </xdr:to>
    <xdr:pic>
      <xdr:nvPicPr>
        <xdr:cNvPr id="89" name="图片 248" descr="untitled.885.png">
          <a:extLst>
            <a:ext uri="{FF2B5EF4-FFF2-40B4-BE49-F238E27FC236}">
              <a16:creationId xmlns="" xmlns:a16="http://schemas.microsoft.com/office/drawing/2014/main" id="{9B49FEAF-2ED2-429F-8C66-EE049C7AD1F3}"/>
            </a:ext>
          </a:extLst>
        </xdr:cNvPr>
        <xdr:cNvPicPr>
          <a:picLocks noChangeAspect="1"/>
        </xdr:cNvPicPr>
      </xdr:nvPicPr>
      <xdr:blipFill>
        <a:blip xmlns:r="http://schemas.openxmlformats.org/officeDocument/2006/relationships" r:embed="rId65" cstate="screen">
          <a:extLst>
            <a:ext uri="{28A0092B-C50C-407E-A947-70E740481C1C}">
              <a14:useLocalDpi xmlns:a14="http://schemas.microsoft.com/office/drawing/2010/main" xmlns=""/>
            </a:ext>
          </a:extLst>
        </a:blip>
        <a:srcRect/>
        <a:stretch>
          <a:fillRect/>
        </a:stretch>
      </xdr:blipFill>
      <xdr:spPr>
        <a:xfrm rot="10800000">
          <a:off x="8815705" y="7270750"/>
          <a:ext cx="419101" cy="902679"/>
        </a:xfrm>
        <a:prstGeom prst="rect">
          <a:avLst/>
        </a:prstGeom>
      </xdr:spPr>
    </xdr:pic>
    <xdr:clientData/>
  </xdr:twoCellAnchor>
  <xdr:twoCellAnchor editAs="oneCell">
    <xdr:from>
      <xdr:col>5</xdr:col>
      <xdr:colOff>361950</xdr:colOff>
      <xdr:row>27</xdr:row>
      <xdr:rowOff>76200</xdr:rowOff>
    </xdr:from>
    <xdr:to>
      <xdr:col>5</xdr:col>
      <xdr:colOff>857250</xdr:colOff>
      <xdr:row>27</xdr:row>
      <xdr:rowOff>962025</xdr:rowOff>
    </xdr:to>
    <xdr:pic>
      <xdr:nvPicPr>
        <xdr:cNvPr id="90" name="图片 249" descr="untitled.880.png">
          <a:extLst>
            <a:ext uri="{FF2B5EF4-FFF2-40B4-BE49-F238E27FC236}">
              <a16:creationId xmlns="" xmlns:a16="http://schemas.microsoft.com/office/drawing/2014/main" id="{7891FB75-384D-48C1-897E-E9DA8981A64A}"/>
            </a:ext>
          </a:extLst>
        </xdr:cNvPr>
        <xdr:cNvPicPr>
          <a:picLocks noChangeAspect="1"/>
        </xdr:cNvPicPr>
      </xdr:nvPicPr>
      <xdr:blipFill>
        <a:blip xmlns:r="http://schemas.openxmlformats.org/officeDocument/2006/relationships" r:embed="rId63" cstate="email">
          <a:extLst>
            <a:ext uri="{28A0092B-C50C-407E-A947-70E740481C1C}">
              <a14:useLocalDpi xmlns:a14="http://schemas.microsoft.com/office/drawing/2010/main" xmlns=""/>
            </a:ext>
          </a:extLst>
        </a:blip>
        <a:srcRect/>
        <a:stretch>
          <a:fillRect/>
        </a:stretch>
      </xdr:blipFill>
      <xdr:spPr>
        <a:xfrm>
          <a:off x="5861050" y="11029950"/>
          <a:ext cx="495300" cy="885825"/>
        </a:xfrm>
        <a:prstGeom prst="rect">
          <a:avLst/>
        </a:prstGeom>
      </xdr:spPr>
    </xdr:pic>
    <xdr:clientData/>
  </xdr:twoCellAnchor>
  <xdr:twoCellAnchor editAs="oneCell">
    <xdr:from>
      <xdr:col>6</xdr:col>
      <xdr:colOff>295275</xdr:colOff>
      <xdr:row>27</xdr:row>
      <xdr:rowOff>57150</xdr:rowOff>
    </xdr:from>
    <xdr:to>
      <xdr:col>6</xdr:col>
      <xdr:colOff>762000</xdr:colOff>
      <xdr:row>27</xdr:row>
      <xdr:rowOff>981075</xdr:rowOff>
    </xdr:to>
    <xdr:pic>
      <xdr:nvPicPr>
        <xdr:cNvPr id="91" name="图片 250" descr="untitled.882.png">
          <a:extLst>
            <a:ext uri="{FF2B5EF4-FFF2-40B4-BE49-F238E27FC236}">
              <a16:creationId xmlns="" xmlns:a16="http://schemas.microsoft.com/office/drawing/2014/main" id="{883176FF-512E-44D0-B507-F275E2708C61}"/>
            </a:ext>
          </a:extLst>
        </xdr:cNvPr>
        <xdr:cNvPicPr>
          <a:picLocks noChangeAspect="1"/>
        </xdr:cNvPicPr>
      </xdr:nvPicPr>
      <xdr:blipFill>
        <a:blip xmlns:r="http://schemas.openxmlformats.org/officeDocument/2006/relationships" r:embed="rId64" cstate="email">
          <a:extLst>
            <a:ext uri="{28A0092B-C50C-407E-A947-70E740481C1C}">
              <a14:useLocalDpi xmlns:a14="http://schemas.microsoft.com/office/drawing/2010/main" xmlns=""/>
            </a:ext>
          </a:extLst>
        </a:blip>
        <a:srcRect/>
        <a:stretch>
          <a:fillRect/>
        </a:stretch>
      </xdr:blipFill>
      <xdr:spPr>
        <a:xfrm rot="10800000">
          <a:off x="7045325" y="11010900"/>
          <a:ext cx="466725" cy="923925"/>
        </a:xfrm>
        <a:prstGeom prst="rect">
          <a:avLst/>
        </a:prstGeom>
      </xdr:spPr>
    </xdr:pic>
    <xdr:clientData/>
  </xdr:twoCellAnchor>
  <xdr:twoCellAnchor editAs="oneCell">
    <xdr:from>
      <xdr:col>7</xdr:col>
      <xdr:colOff>409573</xdr:colOff>
      <xdr:row>27</xdr:row>
      <xdr:rowOff>47623</xdr:rowOff>
    </xdr:from>
    <xdr:to>
      <xdr:col>7</xdr:col>
      <xdr:colOff>828674</xdr:colOff>
      <xdr:row>27</xdr:row>
      <xdr:rowOff>950302</xdr:rowOff>
    </xdr:to>
    <xdr:pic>
      <xdr:nvPicPr>
        <xdr:cNvPr id="92" name="图片 251" descr="untitled.885.png">
          <a:extLst>
            <a:ext uri="{FF2B5EF4-FFF2-40B4-BE49-F238E27FC236}">
              <a16:creationId xmlns="" xmlns:a16="http://schemas.microsoft.com/office/drawing/2014/main" id="{F5D91552-9C33-4A4F-A8DC-0B357341F02B}"/>
            </a:ext>
          </a:extLst>
        </xdr:cNvPr>
        <xdr:cNvPicPr>
          <a:picLocks noChangeAspect="1"/>
        </xdr:cNvPicPr>
      </xdr:nvPicPr>
      <xdr:blipFill>
        <a:blip xmlns:r="http://schemas.openxmlformats.org/officeDocument/2006/relationships" r:embed="rId65" cstate="screen">
          <a:extLst>
            <a:ext uri="{28A0092B-C50C-407E-A947-70E740481C1C}">
              <a14:useLocalDpi xmlns:a14="http://schemas.microsoft.com/office/drawing/2010/main" xmlns=""/>
            </a:ext>
          </a:extLst>
        </a:blip>
        <a:srcRect/>
        <a:stretch>
          <a:fillRect/>
        </a:stretch>
      </xdr:blipFill>
      <xdr:spPr>
        <a:xfrm rot="10800000">
          <a:off x="8670923" y="11001373"/>
          <a:ext cx="419101" cy="902679"/>
        </a:xfrm>
        <a:prstGeom prst="rect">
          <a:avLst/>
        </a:prstGeom>
      </xdr:spPr>
    </xdr:pic>
    <xdr:clientData/>
  </xdr:twoCellAnchor>
  <xdr:twoCellAnchor editAs="oneCell">
    <xdr:from>
      <xdr:col>6</xdr:col>
      <xdr:colOff>361950</xdr:colOff>
      <xdr:row>35</xdr:row>
      <xdr:rowOff>76200</xdr:rowOff>
    </xdr:from>
    <xdr:to>
      <xdr:col>6</xdr:col>
      <xdr:colOff>857250</xdr:colOff>
      <xdr:row>35</xdr:row>
      <xdr:rowOff>962025</xdr:rowOff>
    </xdr:to>
    <xdr:pic>
      <xdr:nvPicPr>
        <xdr:cNvPr id="93" name="图片 252" descr="untitled.880.png">
          <a:extLst>
            <a:ext uri="{FF2B5EF4-FFF2-40B4-BE49-F238E27FC236}">
              <a16:creationId xmlns="" xmlns:a16="http://schemas.microsoft.com/office/drawing/2014/main" id="{D72ACD92-C8A5-462D-86D2-940B76D1ECCD}"/>
            </a:ext>
          </a:extLst>
        </xdr:cNvPr>
        <xdr:cNvPicPr>
          <a:picLocks noChangeAspect="1"/>
        </xdr:cNvPicPr>
      </xdr:nvPicPr>
      <xdr:blipFill>
        <a:blip xmlns:r="http://schemas.openxmlformats.org/officeDocument/2006/relationships" r:embed="rId63" cstate="email">
          <a:extLst>
            <a:ext uri="{28A0092B-C50C-407E-A947-70E740481C1C}">
              <a14:useLocalDpi xmlns:a14="http://schemas.microsoft.com/office/drawing/2010/main" xmlns=""/>
            </a:ext>
          </a:extLst>
        </a:blip>
        <a:srcRect/>
        <a:stretch>
          <a:fillRect/>
        </a:stretch>
      </xdr:blipFill>
      <xdr:spPr>
        <a:xfrm>
          <a:off x="7112000" y="14890750"/>
          <a:ext cx="495300" cy="885825"/>
        </a:xfrm>
        <a:prstGeom prst="rect">
          <a:avLst/>
        </a:prstGeom>
      </xdr:spPr>
    </xdr:pic>
    <xdr:clientData/>
  </xdr:twoCellAnchor>
  <xdr:twoCellAnchor editAs="oneCell">
    <xdr:from>
      <xdr:col>7</xdr:col>
      <xdr:colOff>295275</xdr:colOff>
      <xdr:row>35</xdr:row>
      <xdr:rowOff>57150</xdr:rowOff>
    </xdr:from>
    <xdr:to>
      <xdr:col>7</xdr:col>
      <xdr:colOff>762000</xdr:colOff>
      <xdr:row>35</xdr:row>
      <xdr:rowOff>981075</xdr:rowOff>
    </xdr:to>
    <xdr:pic>
      <xdr:nvPicPr>
        <xdr:cNvPr id="94" name="图片 253" descr="untitled.882.png">
          <a:extLst>
            <a:ext uri="{FF2B5EF4-FFF2-40B4-BE49-F238E27FC236}">
              <a16:creationId xmlns="" xmlns:a16="http://schemas.microsoft.com/office/drawing/2014/main" id="{20D832A2-40C1-4CC7-89D5-561D4E78E6A3}"/>
            </a:ext>
          </a:extLst>
        </xdr:cNvPr>
        <xdr:cNvPicPr>
          <a:picLocks noChangeAspect="1"/>
        </xdr:cNvPicPr>
      </xdr:nvPicPr>
      <xdr:blipFill>
        <a:blip xmlns:r="http://schemas.openxmlformats.org/officeDocument/2006/relationships" r:embed="rId64" cstate="email">
          <a:extLst>
            <a:ext uri="{28A0092B-C50C-407E-A947-70E740481C1C}">
              <a14:useLocalDpi xmlns:a14="http://schemas.microsoft.com/office/drawing/2010/main" xmlns=""/>
            </a:ext>
          </a:extLst>
        </a:blip>
        <a:srcRect/>
        <a:stretch>
          <a:fillRect/>
        </a:stretch>
      </xdr:blipFill>
      <xdr:spPr>
        <a:xfrm rot="10800000">
          <a:off x="8556625" y="14871700"/>
          <a:ext cx="466725" cy="923925"/>
        </a:xfrm>
        <a:prstGeom prst="rect">
          <a:avLst/>
        </a:prstGeom>
      </xdr:spPr>
    </xdr:pic>
    <xdr:clientData/>
  </xdr:twoCellAnchor>
  <xdr:twoCellAnchor editAs="oneCell">
    <xdr:from>
      <xdr:col>8</xdr:col>
      <xdr:colOff>409573</xdr:colOff>
      <xdr:row>35</xdr:row>
      <xdr:rowOff>47623</xdr:rowOff>
    </xdr:from>
    <xdr:to>
      <xdr:col>8</xdr:col>
      <xdr:colOff>828674</xdr:colOff>
      <xdr:row>35</xdr:row>
      <xdr:rowOff>950302</xdr:rowOff>
    </xdr:to>
    <xdr:pic>
      <xdr:nvPicPr>
        <xdr:cNvPr id="95" name="图片 254" descr="untitled.885.png">
          <a:extLst>
            <a:ext uri="{FF2B5EF4-FFF2-40B4-BE49-F238E27FC236}">
              <a16:creationId xmlns="" xmlns:a16="http://schemas.microsoft.com/office/drawing/2014/main" id="{F7C5D12E-FEBA-47C4-869C-33BE8C5ED367}"/>
            </a:ext>
          </a:extLst>
        </xdr:cNvPr>
        <xdr:cNvPicPr>
          <a:picLocks noChangeAspect="1"/>
        </xdr:cNvPicPr>
      </xdr:nvPicPr>
      <xdr:blipFill>
        <a:blip xmlns:r="http://schemas.openxmlformats.org/officeDocument/2006/relationships" r:embed="rId65" cstate="screen">
          <a:extLst>
            <a:ext uri="{28A0092B-C50C-407E-A947-70E740481C1C}">
              <a14:useLocalDpi xmlns:a14="http://schemas.microsoft.com/office/drawing/2010/main" xmlns=""/>
            </a:ext>
          </a:extLst>
        </a:blip>
        <a:srcRect/>
        <a:stretch>
          <a:fillRect/>
        </a:stretch>
      </xdr:blipFill>
      <xdr:spPr>
        <a:xfrm rot="10800000">
          <a:off x="9991723" y="14862173"/>
          <a:ext cx="419101" cy="902679"/>
        </a:xfrm>
        <a:prstGeom prst="rect">
          <a:avLst/>
        </a:prstGeom>
      </xdr:spPr>
    </xdr:pic>
    <xdr:clientData/>
  </xdr:twoCellAnchor>
  <xdr:twoCellAnchor editAs="oneCell">
    <xdr:from>
      <xdr:col>5</xdr:col>
      <xdr:colOff>133350</xdr:colOff>
      <xdr:row>43</xdr:row>
      <xdr:rowOff>37465</xdr:rowOff>
    </xdr:from>
    <xdr:to>
      <xdr:col>5</xdr:col>
      <xdr:colOff>1127262</xdr:colOff>
      <xdr:row>43</xdr:row>
      <xdr:rowOff>630676</xdr:rowOff>
    </xdr:to>
    <xdr:pic>
      <xdr:nvPicPr>
        <xdr:cNvPr id="96" name="图片 255" descr="http://sgcdn.uniview.com/res/201802/09/20180209_1611817_11_790286_140445_0.jpg">
          <a:extLst>
            <a:ext uri="{FF2B5EF4-FFF2-40B4-BE49-F238E27FC236}">
              <a16:creationId xmlns="" xmlns:a16="http://schemas.microsoft.com/office/drawing/2014/main" id="{099C1640-DF9A-49A2-A336-06B7F1CB6533}"/>
            </a:ext>
          </a:extLst>
        </xdr:cNvPr>
        <xdr:cNvPicPr>
          <a:picLocks noChangeAspect="1" noChangeArrowheads="1"/>
        </xdr:cNvPicPr>
      </xdr:nvPicPr>
      <xdr:blipFill>
        <a:blip xmlns:r="http://schemas.openxmlformats.org/officeDocument/2006/relationships" r:embed="rId66" cstate="email">
          <a:extLst>
            <a:ext uri="{28A0092B-C50C-407E-A947-70E740481C1C}">
              <a14:useLocalDpi xmlns:a14="http://schemas.microsoft.com/office/drawing/2010/main" xmlns=""/>
            </a:ext>
          </a:extLst>
        </a:blip>
        <a:srcRect/>
        <a:stretch>
          <a:fillRect/>
        </a:stretch>
      </xdr:blipFill>
      <xdr:spPr>
        <a:xfrm>
          <a:off x="5632450" y="18528665"/>
          <a:ext cx="993912" cy="593211"/>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6</xdr:col>
      <xdr:colOff>518795</xdr:colOff>
      <xdr:row>43</xdr:row>
      <xdr:rowOff>19685</xdr:rowOff>
    </xdr:from>
    <xdr:to>
      <xdr:col>6</xdr:col>
      <xdr:colOff>1014095</xdr:colOff>
      <xdr:row>43</xdr:row>
      <xdr:rowOff>776977</xdr:rowOff>
    </xdr:to>
    <xdr:pic>
      <xdr:nvPicPr>
        <xdr:cNvPr id="97" name="图片 256" descr="untitled.880.png">
          <a:extLst>
            <a:ext uri="{FF2B5EF4-FFF2-40B4-BE49-F238E27FC236}">
              <a16:creationId xmlns="" xmlns:a16="http://schemas.microsoft.com/office/drawing/2014/main" id="{BED346EC-0859-4E24-89F7-54523B35A74B}"/>
            </a:ext>
          </a:extLst>
        </xdr:cNvPr>
        <xdr:cNvPicPr>
          <a:picLocks noChangeAspect="1"/>
        </xdr:cNvPicPr>
      </xdr:nvPicPr>
      <xdr:blipFill>
        <a:blip xmlns:r="http://schemas.openxmlformats.org/officeDocument/2006/relationships" r:embed="rId67" cstate="email">
          <a:extLst>
            <a:ext uri="{28A0092B-C50C-407E-A947-70E740481C1C}">
              <a14:useLocalDpi xmlns:a14="http://schemas.microsoft.com/office/drawing/2010/main" xmlns=""/>
            </a:ext>
          </a:extLst>
        </a:blip>
        <a:srcRect/>
        <a:stretch>
          <a:fillRect/>
        </a:stretch>
      </xdr:blipFill>
      <xdr:spPr>
        <a:xfrm>
          <a:off x="7268845" y="18510885"/>
          <a:ext cx="495300" cy="757292"/>
        </a:xfrm>
        <a:prstGeom prst="rect">
          <a:avLst/>
        </a:prstGeom>
      </xdr:spPr>
    </xdr:pic>
    <xdr:clientData/>
  </xdr:twoCellAnchor>
  <xdr:twoCellAnchor editAs="oneCell">
    <xdr:from>
      <xdr:col>7</xdr:col>
      <xdr:colOff>474345</xdr:colOff>
      <xdr:row>43</xdr:row>
      <xdr:rowOff>11430</xdr:rowOff>
    </xdr:from>
    <xdr:to>
      <xdr:col>7</xdr:col>
      <xdr:colOff>941070</xdr:colOff>
      <xdr:row>43</xdr:row>
      <xdr:rowOff>787772</xdr:rowOff>
    </xdr:to>
    <xdr:pic>
      <xdr:nvPicPr>
        <xdr:cNvPr id="98" name="图片 257" descr="untitled.882.png">
          <a:extLst>
            <a:ext uri="{FF2B5EF4-FFF2-40B4-BE49-F238E27FC236}">
              <a16:creationId xmlns="" xmlns:a16="http://schemas.microsoft.com/office/drawing/2014/main" id="{A742C44F-F176-49B9-8FED-8F742CA860C2}"/>
            </a:ext>
          </a:extLst>
        </xdr:cNvPr>
        <xdr:cNvPicPr>
          <a:picLocks noChangeAspect="1"/>
        </xdr:cNvPicPr>
      </xdr:nvPicPr>
      <xdr:blipFill>
        <a:blip xmlns:r="http://schemas.openxmlformats.org/officeDocument/2006/relationships" r:embed="rId68" cstate="email">
          <a:extLst>
            <a:ext uri="{28A0092B-C50C-407E-A947-70E740481C1C}">
              <a14:useLocalDpi xmlns:a14="http://schemas.microsoft.com/office/drawing/2010/main" xmlns=""/>
            </a:ext>
          </a:extLst>
        </a:blip>
        <a:srcRect/>
        <a:stretch>
          <a:fillRect/>
        </a:stretch>
      </xdr:blipFill>
      <xdr:spPr>
        <a:xfrm rot="10800000">
          <a:off x="8735695" y="18502630"/>
          <a:ext cx="466725" cy="776342"/>
        </a:xfrm>
        <a:prstGeom prst="rect">
          <a:avLst/>
        </a:prstGeom>
      </xdr:spPr>
    </xdr:pic>
    <xdr:clientData/>
  </xdr:twoCellAnchor>
  <xdr:twoCellAnchor editAs="oneCell">
    <xdr:from>
      <xdr:col>8</xdr:col>
      <xdr:colOff>352425</xdr:colOff>
      <xdr:row>42</xdr:row>
      <xdr:rowOff>180975</xdr:rowOff>
    </xdr:from>
    <xdr:to>
      <xdr:col>8</xdr:col>
      <xdr:colOff>695325</xdr:colOff>
      <xdr:row>43</xdr:row>
      <xdr:rowOff>599143</xdr:rowOff>
    </xdr:to>
    <xdr:pic>
      <xdr:nvPicPr>
        <xdr:cNvPr id="99" name="图片 258" descr="untitled.885.png">
          <a:extLst>
            <a:ext uri="{FF2B5EF4-FFF2-40B4-BE49-F238E27FC236}">
              <a16:creationId xmlns="" xmlns:a16="http://schemas.microsoft.com/office/drawing/2014/main" id="{72D0F5FA-7C36-401C-915A-455C5195E973}"/>
            </a:ext>
          </a:extLst>
        </xdr:cNvPr>
        <xdr:cNvPicPr>
          <a:picLocks noChangeAspect="1"/>
        </xdr:cNvPicPr>
      </xdr:nvPicPr>
      <xdr:blipFill>
        <a:blip xmlns:r="http://schemas.openxmlformats.org/officeDocument/2006/relationships" r:embed="rId69" cstate="email">
          <a:extLst>
            <a:ext uri="{28A0092B-C50C-407E-A947-70E740481C1C}">
              <a14:useLocalDpi xmlns:a14="http://schemas.microsoft.com/office/drawing/2010/main" xmlns=""/>
            </a:ext>
          </a:extLst>
        </a:blip>
        <a:srcRect/>
        <a:stretch>
          <a:fillRect/>
        </a:stretch>
      </xdr:blipFill>
      <xdr:spPr>
        <a:xfrm rot="10800000">
          <a:off x="9934575" y="18481675"/>
          <a:ext cx="342900" cy="608668"/>
        </a:xfrm>
        <a:prstGeom prst="rect">
          <a:avLst/>
        </a:prstGeom>
      </xdr:spPr>
    </xdr:pic>
    <xdr:clientData/>
  </xdr:twoCellAnchor>
  <xdr:twoCellAnchor editAs="oneCell">
    <xdr:from>
      <xdr:col>4</xdr:col>
      <xdr:colOff>507365</xdr:colOff>
      <xdr:row>51</xdr:row>
      <xdr:rowOff>53340</xdr:rowOff>
    </xdr:from>
    <xdr:to>
      <xdr:col>4</xdr:col>
      <xdr:colOff>1002665</xdr:colOff>
      <xdr:row>51</xdr:row>
      <xdr:rowOff>994410</xdr:rowOff>
    </xdr:to>
    <xdr:pic>
      <xdr:nvPicPr>
        <xdr:cNvPr id="100" name="图片 259" descr="untitled.880.png">
          <a:extLst>
            <a:ext uri="{FF2B5EF4-FFF2-40B4-BE49-F238E27FC236}">
              <a16:creationId xmlns="" xmlns:a16="http://schemas.microsoft.com/office/drawing/2014/main" id="{5272F2C2-B73B-4788-AFBC-77626303B4A0}"/>
            </a:ext>
          </a:extLst>
        </xdr:cNvPr>
        <xdr:cNvPicPr>
          <a:picLocks noChangeAspect="1"/>
        </xdr:cNvPicPr>
      </xdr:nvPicPr>
      <xdr:blipFill>
        <a:blip xmlns:r="http://schemas.openxmlformats.org/officeDocument/2006/relationships" r:embed="rId70" cstate="email">
          <a:extLst>
            <a:ext uri="{28A0092B-C50C-407E-A947-70E740481C1C}">
              <a14:useLocalDpi xmlns:a14="http://schemas.microsoft.com/office/drawing/2010/main" xmlns=""/>
            </a:ext>
          </a:extLst>
        </a:blip>
        <a:srcRect/>
        <a:stretch>
          <a:fillRect/>
        </a:stretch>
      </xdr:blipFill>
      <xdr:spPr>
        <a:xfrm>
          <a:off x="4825365" y="22157690"/>
          <a:ext cx="495300" cy="941070"/>
        </a:xfrm>
        <a:prstGeom prst="rect">
          <a:avLst/>
        </a:prstGeom>
      </xdr:spPr>
    </xdr:pic>
    <xdr:clientData/>
  </xdr:twoCellAnchor>
  <xdr:twoCellAnchor editAs="oneCell">
    <xdr:from>
      <xdr:col>5</xdr:col>
      <xdr:colOff>418465</xdr:colOff>
      <xdr:row>51</xdr:row>
      <xdr:rowOff>45720</xdr:rowOff>
    </xdr:from>
    <xdr:to>
      <xdr:col>5</xdr:col>
      <xdr:colOff>885190</xdr:colOff>
      <xdr:row>51</xdr:row>
      <xdr:rowOff>1005840</xdr:rowOff>
    </xdr:to>
    <xdr:pic>
      <xdr:nvPicPr>
        <xdr:cNvPr id="101" name="图片 260" descr="untitled.882.png">
          <a:extLst>
            <a:ext uri="{FF2B5EF4-FFF2-40B4-BE49-F238E27FC236}">
              <a16:creationId xmlns="" xmlns:a16="http://schemas.microsoft.com/office/drawing/2014/main" id="{BEE4B3B6-0D4B-4B43-BC32-75ABE267A5DB}"/>
            </a:ext>
          </a:extLst>
        </xdr:cNvPr>
        <xdr:cNvPicPr>
          <a:picLocks noChangeAspect="1"/>
        </xdr:cNvPicPr>
      </xdr:nvPicPr>
      <xdr:blipFill>
        <a:blip xmlns:r="http://schemas.openxmlformats.org/officeDocument/2006/relationships" r:embed="rId71" cstate="email">
          <a:extLst>
            <a:ext uri="{28A0092B-C50C-407E-A947-70E740481C1C}">
              <a14:useLocalDpi xmlns:a14="http://schemas.microsoft.com/office/drawing/2010/main" xmlns=""/>
            </a:ext>
          </a:extLst>
        </a:blip>
        <a:srcRect/>
        <a:stretch>
          <a:fillRect/>
        </a:stretch>
      </xdr:blipFill>
      <xdr:spPr>
        <a:xfrm rot="10800000">
          <a:off x="5917565" y="22150070"/>
          <a:ext cx="466725" cy="960120"/>
        </a:xfrm>
        <a:prstGeom prst="rect">
          <a:avLst/>
        </a:prstGeom>
      </xdr:spPr>
    </xdr:pic>
    <xdr:clientData/>
  </xdr:twoCellAnchor>
  <xdr:twoCellAnchor editAs="oneCell">
    <xdr:from>
      <xdr:col>6</xdr:col>
      <xdr:colOff>554990</xdr:colOff>
      <xdr:row>51</xdr:row>
      <xdr:rowOff>80010</xdr:rowOff>
    </xdr:from>
    <xdr:to>
      <xdr:col>6</xdr:col>
      <xdr:colOff>974091</xdr:colOff>
      <xdr:row>51</xdr:row>
      <xdr:rowOff>868389</xdr:rowOff>
    </xdr:to>
    <xdr:pic>
      <xdr:nvPicPr>
        <xdr:cNvPr id="102" name="图片 261" descr="untitled.885.png">
          <a:extLst>
            <a:ext uri="{FF2B5EF4-FFF2-40B4-BE49-F238E27FC236}">
              <a16:creationId xmlns="" xmlns:a16="http://schemas.microsoft.com/office/drawing/2014/main" id="{763C8E8B-D8D1-4316-982C-3B73BEEFCE1E}"/>
            </a:ext>
          </a:extLst>
        </xdr:cNvPr>
        <xdr:cNvPicPr>
          <a:picLocks noChangeAspect="1"/>
        </xdr:cNvPicPr>
      </xdr:nvPicPr>
      <xdr:blipFill>
        <a:blip xmlns:r="http://schemas.openxmlformats.org/officeDocument/2006/relationships" r:embed="rId72" cstate="email">
          <a:extLst>
            <a:ext uri="{28A0092B-C50C-407E-A947-70E740481C1C}">
              <a14:useLocalDpi xmlns:a14="http://schemas.microsoft.com/office/drawing/2010/main" xmlns=""/>
            </a:ext>
          </a:extLst>
        </a:blip>
        <a:srcRect/>
        <a:stretch>
          <a:fillRect/>
        </a:stretch>
      </xdr:blipFill>
      <xdr:spPr>
        <a:xfrm rot="10800000">
          <a:off x="7305040" y="22184360"/>
          <a:ext cx="419101" cy="788379"/>
        </a:xfrm>
        <a:prstGeom prst="rect">
          <a:avLst/>
        </a:prstGeom>
      </xdr:spPr>
    </xdr:pic>
    <xdr:clientData/>
  </xdr:twoCellAnchor>
  <xdr:twoCellAnchor editAs="oneCell">
    <xdr:from>
      <xdr:col>4</xdr:col>
      <xdr:colOff>439420</xdr:colOff>
      <xdr:row>59</xdr:row>
      <xdr:rowOff>52705</xdr:rowOff>
    </xdr:from>
    <xdr:to>
      <xdr:col>4</xdr:col>
      <xdr:colOff>934720</xdr:colOff>
      <xdr:row>59</xdr:row>
      <xdr:rowOff>983746</xdr:rowOff>
    </xdr:to>
    <xdr:pic>
      <xdr:nvPicPr>
        <xdr:cNvPr id="103" name="图片 262" descr="untitled.880.png">
          <a:extLst>
            <a:ext uri="{FF2B5EF4-FFF2-40B4-BE49-F238E27FC236}">
              <a16:creationId xmlns="" xmlns:a16="http://schemas.microsoft.com/office/drawing/2014/main" id="{415573A7-BC1B-46D1-9D2C-EF928F88FDE7}"/>
            </a:ext>
          </a:extLst>
        </xdr:cNvPr>
        <xdr:cNvPicPr>
          <a:picLocks noChangeAspect="1"/>
        </xdr:cNvPicPr>
      </xdr:nvPicPr>
      <xdr:blipFill>
        <a:blip xmlns:r="http://schemas.openxmlformats.org/officeDocument/2006/relationships" r:embed="rId73" cstate="email">
          <a:extLst>
            <a:ext uri="{28A0092B-C50C-407E-A947-70E740481C1C}">
              <a14:useLocalDpi xmlns:a14="http://schemas.microsoft.com/office/drawing/2010/main" xmlns=""/>
            </a:ext>
          </a:extLst>
        </a:blip>
        <a:srcRect/>
        <a:stretch>
          <a:fillRect/>
        </a:stretch>
      </xdr:blipFill>
      <xdr:spPr>
        <a:xfrm>
          <a:off x="4757420" y="25890855"/>
          <a:ext cx="495300" cy="931041"/>
        </a:xfrm>
        <a:prstGeom prst="rect">
          <a:avLst/>
        </a:prstGeom>
      </xdr:spPr>
    </xdr:pic>
    <xdr:clientData/>
  </xdr:twoCellAnchor>
  <xdr:twoCellAnchor editAs="oneCell">
    <xdr:from>
      <xdr:col>5</xdr:col>
      <xdr:colOff>429895</xdr:colOff>
      <xdr:row>59</xdr:row>
      <xdr:rowOff>12065</xdr:rowOff>
    </xdr:from>
    <xdr:to>
      <xdr:col>5</xdr:col>
      <xdr:colOff>896620</xdr:colOff>
      <xdr:row>59</xdr:row>
      <xdr:rowOff>962156</xdr:rowOff>
    </xdr:to>
    <xdr:pic>
      <xdr:nvPicPr>
        <xdr:cNvPr id="104" name="图片 263" descr="untitled.882.png">
          <a:extLst>
            <a:ext uri="{FF2B5EF4-FFF2-40B4-BE49-F238E27FC236}">
              <a16:creationId xmlns="" xmlns:a16="http://schemas.microsoft.com/office/drawing/2014/main" id="{D1CF7E00-1A93-48F8-8936-B843A22AF326}"/>
            </a:ext>
          </a:extLst>
        </xdr:cNvPr>
        <xdr:cNvPicPr>
          <a:picLocks noChangeAspect="1"/>
        </xdr:cNvPicPr>
      </xdr:nvPicPr>
      <xdr:blipFill>
        <a:blip xmlns:r="http://schemas.openxmlformats.org/officeDocument/2006/relationships" r:embed="rId74" cstate="email">
          <a:extLst>
            <a:ext uri="{28A0092B-C50C-407E-A947-70E740481C1C}">
              <a14:useLocalDpi xmlns:a14="http://schemas.microsoft.com/office/drawing/2010/main" xmlns=""/>
            </a:ext>
          </a:extLst>
        </a:blip>
        <a:srcRect/>
        <a:stretch>
          <a:fillRect/>
        </a:stretch>
      </xdr:blipFill>
      <xdr:spPr>
        <a:xfrm rot="10800000">
          <a:off x="5928995" y="25850215"/>
          <a:ext cx="466725" cy="950091"/>
        </a:xfrm>
        <a:prstGeom prst="rect">
          <a:avLst/>
        </a:prstGeom>
      </xdr:spPr>
    </xdr:pic>
    <xdr:clientData/>
  </xdr:twoCellAnchor>
  <xdr:twoCellAnchor editAs="oneCell">
    <xdr:from>
      <xdr:col>6</xdr:col>
      <xdr:colOff>576580</xdr:colOff>
      <xdr:row>59</xdr:row>
      <xdr:rowOff>34925</xdr:rowOff>
    </xdr:from>
    <xdr:to>
      <xdr:col>6</xdr:col>
      <xdr:colOff>995681</xdr:colOff>
      <xdr:row>59</xdr:row>
      <xdr:rowOff>823304</xdr:rowOff>
    </xdr:to>
    <xdr:pic>
      <xdr:nvPicPr>
        <xdr:cNvPr id="105" name="图片 264" descr="untitled.885.png">
          <a:extLst>
            <a:ext uri="{FF2B5EF4-FFF2-40B4-BE49-F238E27FC236}">
              <a16:creationId xmlns="" xmlns:a16="http://schemas.microsoft.com/office/drawing/2014/main" id="{8F6FA2B5-22AC-48C3-B75C-E4E22BDA688D}"/>
            </a:ext>
          </a:extLst>
        </xdr:cNvPr>
        <xdr:cNvPicPr>
          <a:picLocks noChangeAspect="1"/>
        </xdr:cNvPicPr>
      </xdr:nvPicPr>
      <xdr:blipFill>
        <a:blip xmlns:r="http://schemas.openxmlformats.org/officeDocument/2006/relationships" r:embed="rId72" cstate="email">
          <a:extLst>
            <a:ext uri="{28A0092B-C50C-407E-A947-70E740481C1C}">
              <a14:useLocalDpi xmlns:a14="http://schemas.microsoft.com/office/drawing/2010/main" xmlns=""/>
            </a:ext>
          </a:extLst>
        </a:blip>
        <a:srcRect/>
        <a:stretch>
          <a:fillRect/>
        </a:stretch>
      </xdr:blipFill>
      <xdr:spPr>
        <a:xfrm rot="10800000">
          <a:off x="7326630" y="25873075"/>
          <a:ext cx="419101" cy="788379"/>
        </a:xfrm>
        <a:prstGeom prst="rect">
          <a:avLst/>
        </a:prstGeom>
      </xdr:spPr>
    </xdr:pic>
    <xdr:clientData/>
  </xdr:twoCellAnchor>
  <xdr:twoCellAnchor editAs="oneCell">
    <xdr:from>
      <xdr:col>9</xdr:col>
      <xdr:colOff>421341</xdr:colOff>
      <xdr:row>141</xdr:row>
      <xdr:rowOff>38100</xdr:rowOff>
    </xdr:from>
    <xdr:to>
      <xdr:col>9</xdr:col>
      <xdr:colOff>556105</xdr:colOff>
      <xdr:row>141</xdr:row>
      <xdr:rowOff>1047750</xdr:rowOff>
    </xdr:to>
    <xdr:pic>
      <xdr:nvPicPr>
        <xdr:cNvPr id="106" name="Picture 20">
          <a:extLst>
            <a:ext uri="{FF2B5EF4-FFF2-40B4-BE49-F238E27FC236}">
              <a16:creationId xmlns="" xmlns:a16="http://schemas.microsoft.com/office/drawing/2014/main" id="{0BAE0288-3281-47EE-87AD-92556BAE2C4B}"/>
            </a:ext>
          </a:extLst>
        </xdr:cNvPr>
        <xdr:cNvPicPr>
          <a:picLocks noChangeAspect="1" noChangeArrowheads="1"/>
        </xdr:cNvPicPr>
      </xdr:nvPicPr>
      <xdr:blipFill>
        <a:blip xmlns:r="http://schemas.openxmlformats.org/officeDocument/2006/relationships" r:embed="rId16" cstate="email">
          <a:extLst>
            <a:ext uri="{28A0092B-C50C-407E-A947-70E740481C1C}">
              <a14:useLocalDpi xmlns:a14="http://schemas.microsoft.com/office/drawing/2010/main" xmlns=""/>
            </a:ext>
          </a:extLst>
        </a:blip>
        <a:srcRect/>
        <a:stretch>
          <a:fillRect/>
        </a:stretch>
      </xdr:blipFill>
      <xdr:spPr>
        <a:xfrm>
          <a:off x="11095691" y="58762900"/>
          <a:ext cx="134764" cy="1009650"/>
        </a:xfrm>
        <a:prstGeom prst="rect">
          <a:avLst/>
        </a:prstGeom>
        <a:noFill/>
      </xdr:spPr>
    </xdr:pic>
    <xdr:clientData/>
  </xdr:twoCellAnchor>
  <xdr:twoCellAnchor editAs="oneCell">
    <xdr:from>
      <xdr:col>8</xdr:col>
      <xdr:colOff>499500</xdr:colOff>
      <xdr:row>141</xdr:row>
      <xdr:rowOff>80342</xdr:rowOff>
    </xdr:from>
    <xdr:to>
      <xdr:col>8</xdr:col>
      <xdr:colOff>767314</xdr:colOff>
      <xdr:row>141</xdr:row>
      <xdr:rowOff>985630</xdr:rowOff>
    </xdr:to>
    <xdr:pic>
      <xdr:nvPicPr>
        <xdr:cNvPr id="107" name="图片 266" descr="http://sgcdn.uniview.com/res/201503/27/20150327_1602788_1_787516_140445_0.jpg">
          <a:extLst>
            <a:ext uri="{FF2B5EF4-FFF2-40B4-BE49-F238E27FC236}">
              <a16:creationId xmlns="" xmlns:a16="http://schemas.microsoft.com/office/drawing/2014/main" id="{89D9C804-44F3-4B2E-919A-A65266648C75}"/>
            </a:ext>
          </a:extLst>
        </xdr:cNvPr>
        <xdr:cNvPicPr>
          <a:picLocks noChangeAspect="1" noChangeArrowheads="1"/>
        </xdr:cNvPicPr>
      </xdr:nvPicPr>
      <xdr:blipFill>
        <a:blip xmlns:r="http://schemas.openxmlformats.org/officeDocument/2006/relationships" r:embed="rId51" cstate="email">
          <a:extLst>
            <a:ext uri="{28A0092B-C50C-407E-A947-70E740481C1C}">
              <a14:useLocalDpi xmlns:a14="http://schemas.microsoft.com/office/drawing/2010/main" xmlns=""/>
            </a:ext>
          </a:extLst>
        </a:blip>
        <a:srcRect/>
        <a:stretch>
          <a:fillRect/>
        </a:stretch>
      </xdr:blipFill>
      <xdr:spPr>
        <a:xfrm>
          <a:off x="10081650" y="58805142"/>
          <a:ext cx="267814" cy="90528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3</xdr:col>
      <xdr:colOff>414618</xdr:colOff>
      <xdr:row>99</xdr:row>
      <xdr:rowOff>324972</xdr:rowOff>
    </xdr:from>
    <xdr:ext cx="350520" cy="448310"/>
    <xdr:pic>
      <xdr:nvPicPr>
        <xdr:cNvPr id="108" name="图片 267" descr="134345546">
          <a:extLst>
            <a:ext uri="{FF2B5EF4-FFF2-40B4-BE49-F238E27FC236}">
              <a16:creationId xmlns="" xmlns:a16="http://schemas.microsoft.com/office/drawing/2014/main" id="{5C632D02-61BE-45DD-8B2C-CE3A02275B8C}"/>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3526118" y="42406422"/>
          <a:ext cx="350520" cy="448310"/>
        </a:xfrm>
        <a:prstGeom prst="rect">
          <a:avLst/>
        </a:prstGeom>
      </xdr:spPr>
    </xdr:pic>
    <xdr:clientData/>
  </xdr:oneCellAnchor>
  <xdr:twoCellAnchor editAs="oneCell">
    <xdr:from>
      <xdr:col>0</xdr:col>
      <xdr:colOff>47625</xdr:colOff>
      <xdr:row>101</xdr:row>
      <xdr:rowOff>180975</xdr:rowOff>
    </xdr:from>
    <xdr:to>
      <xdr:col>0</xdr:col>
      <xdr:colOff>866775</xdr:colOff>
      <xdr:row>102</xdr:row>
      <xdr:rowOff>389162</xdr:rowOff>
    </xdr:to>
    <xdr:pic>
      <xdr:nvPicPr>
        <xdr:cNvPr id="109" name="图片 268">
          <a:extLst>
            <a:ext uri="{FF2B5EF4-FFF2-40B4-BE49-F238E27FC236}">
              <a16:creationId xmlns="" xmlns:a16="http://schemas.microsoft.com/office/drawing/2014/main" id="{348490F3-0AC9-4912-B787-F7581A4BFD62}"/>
            </a:ext>
          </a:extLst>
        </xdr:cNvPr>
        <xdr:cNvPicPr/>
      </xdr:nvPicPr>
      <xdr:blipFill>
        <a:blip xmlns:r="http://schemas.openxmlformats.org/officeDocument/2006/relationships" r:embed="rId75" cstate="email">
          <a:extLst>
            <a:ext uri="{28A0092B-C50C-407E-A947-70E740481C1C}">
              <a14:useLocalDpi xmlns:a14="http://schemas.microsoft.com/office/drawing/2010/main" xmlns=""/>
            </a:ext>
          </a:extLst>
        </a:blip>
        <a:srcRect/>
        <a:stretch>
          <a:fillRect/>
        </a:stretch>
      </xdr:blipFill>
      <xdr:spPr>
        <a:xfrm>
          <a:off x="47625" y="43367325"/>
          <a:ext cx="819150" cy="392338"/>
        </a:xfrm>
        <a:prstGeom prst="rect">
          <a:avLst/>
        </a:prstGeom>
        <a:ln>
          <a:noFill/>
        </a:ln>
      </xdr:spPr>
    </xdr:pic>
    <xdr:clientData/>
  </xdr:twoCellAnchor>
  <xdr:twoCellAnchor>
    <xdr:from>
      <xdr:col>2</xdr:col>
      <xdr:colOff>333375</xdr:colOff>
      <xdr:row>91</xdr:row>
      <xdr:rowOff>276225</xdr:rowOff>
    </xdr:from>
    <xdr:to>
      <xdr:col>2</xdr:col>
      <xdr:colOff>1076325</xdr:colOff>
      <xdr:row>91</xdr:row>
      <xdr:rowOff>977526</xdr:rowOff>
    </xdr:to>
    <xdr:pic>
      <xdr:nvPicPr>
        <xdr:cNvPr id="110" name="Picture 2">
          <a:extLst>
            <a:ext uri="{FF2B5EF4-FFF2-40B4-BE49-F238E27FC236}">
              <a16:creationId xmlns="" xmlns:a16="http://schemas.microsoft.com/office/drawing/2014/main" id="{FB8822E1-A8ED-4F5A-8C4D-97C4C7386455}"/>
            </a:ext>
          </a:extLst>
        </xdr:cNvPr>
        <xdr:cNvPicPr>
          <a:picLocks noChangeAspect="1" noChangeArrowheads="1"/>
        </xdr:cNvPicPr>
      </xdr:nvPicPr>
      <xdr:blipFill>
        <a:blip xmlns:r="http://schemas.openxmlformats.org/officeDocument/2006/relationships" r:embed="rId76" cstate="email">
          <a:extLst>
            <a:ext uri="{28A0092B-C50C-407E-A947-70E740481C1C}">
              <a14:useLocalDpi xmlns:a14="http://schemas.microsoft.com/office/drawing/2010/main" xmlns=""/>
            </a:ext>
          </a:extLst>
        </a:blip>
        <a:srcRect/>
        <a:stretch>
          <a:fillRect/>
        </a:stretch>
      </xdr:blipFill>
      <xdr:spPr>
        <a:xfrm>
          <a:off x="2238375" y="39138225"/>
          <a:ext cx="742950" cy="701301"/>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xdr:spPr>
    </xdr:pic>
    <xdr:clientData/>
  </xdr:twoCellAnchor>
  <xdr:twoCellAnchor>
    <xdr:from>
      <xdr:col>2</xdr:col>
      <xdr:colOff>285750</xdr:colOff>
      <xdr:row>99</xdr:row>
      <xdr:rowOff>114300</xdr:rowOff>
    </xdr:from>
    <xdr:to>
      <xdr:col>2</xdr:col>
      <xdr:colOff>1083478</xdr:colOff>
      <xdr:row>99</xdr:row>
      <xdr:rowOff>775446</xdr:rowOff>
    </xdr:to>
    <xdr:pic>
      <xdr:nvPicPr>
        <xdr:cNvPr id="111" name="图片 270" descr="TR-JB06-F">
          <a:extLst>
            <a:ext uri="{FF2B5EF4-FFF2-40B4-BE49-F238E27FC236}">
              <a16:creationId xmlns="" xmlns:a16="http://schemas.microsoft.com/office/drawing/2014/main" id="{2817A416-168F-4483-BBE6-D696E0C55399}"/>
            </a:ext>
          </a:extLst>
        </xdr:cNvPr>
        <xdr:cNvPicPr>
          <a:picLocks noChangeAspect="1" noChangeArrowheads="1"/>
        </xdr:cNvPicPr>
      </xdr:nvPicPr>
      <xdr:blipFill>
        <a:blip xmlns:r="http://schemas.openxmlformats.org/officeDocument/2006/relationships" r:embed="rId77" cstate="email">
          <a:extLst>
            <a:ext uri="{28A0092B-C50C-407E-A947-70E740481C1C}">
              <a14:useLocalDpi xmlns:a14="http://schemas.microsoft.com/office/drawing/2010/main" xmlns=""/>
            </a:ext>
          </a:extLst>
        </a:blip>
        <a:srcRect/>
        <a:stretch>
          <a:fillRect/>
        </a:stretch>
      </xdr:blipFill>
      <xdr:spPr>
        <a:xfrm>
          <a:off x="2190750" y="42195750"/>
          <a:ext cx="797728" cy="661146"/>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xdr:spPr>
    </xdr:pic>
    <xdr:clientData/>
  </xdr:twoCellAnchor>
  <xdr:twoCellAnchor>
    <xdr:from>
      <xdr:col>3</xdr:col>
      <xdr:colOff>419100</xdr:colOff>
      <xdr:row>91</xdr:row>
      <xdr:rowOff>257175</xdr:rowOff>
    </xdr:from>
    <xdr:to>
      <xdr:col>3</xdr:col>
      <xdr:colOff>914400</xdr:colOff>
      <xdr:row>91</xdr:row>
      <xdr:rowOff>971550</xdr:rowOff>
    </xdr:to>
    <xdr:pic>
      <xdr:nvPicPr>
        <xdr:cNvPr id="112" name="图片 271">
          <a:extLst>
            <a:ext uri="{FF2B5EF4-FFF2-40B4-BE49-F238E27FC236}">
              <a16:creationId xmlns="" xmlns:a16="http://schemas.microsoft.com/office/drawing/2014/main" id="{45BCC44F-1992-4895-AE6F-5B210F046659}"/>
            </a:ext>
          </a:extLst>
        </xdr:cNvPr>
        <xdr:cNvPicPr/>
      </xdr:nvPicPr>
      <xdr:blipFill>
        <a:blip xmlns:r="http://schemas.openxmlformats.org/officeDocument/2006/relationships" r:embed="rId78" cstate="email">
          <a:extLst>
            <a:ext uri="{28A0092B-C50C-407E-A947-70E740481C1C}">
              <a14:useLocalDpi xmlns:a14="http://schemas.microsoft.com/office/drawing/2010/main" xmlns=""/>
            </a:ext>
          </a:extLst>
        </a:blip>
        <a:srcRect/>
        <a:stretch>
          <a:fillRect/>
        </a:stretch>
      </xdr:blipFill>
      <xdr:spPr>
        <a:xfrm>
          <a:off x="3530600" y="39119175"/>
          <a:ext cx="495300" cy="714375"/>
        </a:xfrm>
        <a:prstGeom prst="rect">
          <a:avLst/>
        </a:prstGeom>
        <a:noFill/>
        <a:ln w="9525">
          <a:noFill/>
          <a:miter lim="800000"/>
          <a:headEnd/>
          <a:tailEnd/>
        </a:ln>
      </xdr:spPr>
    </xdr:pic>
    <xdr:clientData/>
  </xdr:twoCellAnchor>
  <xdr:twoCellAnchor>
    <xdr:from>
      <xdr:col>5</xdr:col>
      <xdr:colOff>409574</xdr:colOff>
      <xdr:row>91</xdr:row>
      <xdr:rowOff>209550</xdr:rowOff>
    </xdr:from>
    <xdr:to>
      <xdr:col>5</xdr:col>
      <xdr:colOff>838199</xdr:colOff>
      <xdr:row>91</xdr:row>
      <xdr:rowOff>914400</xdr:rowOff>
    </xdr:to>
    <xdr:pic>
      <xdr:nvPicPr>
        <xdr:cNvPr id="113" name="图片 272">
          <a:extLst>
            <a:ext uri="{FF2B5EF4-FFF2-40B4-BE49-F238E27FC236}">
              <a16:creationId xmlns="" xmlns:a16="http://schemas.microsoft.com/office/drawing/2014/main" id="{F764D9BF-1454-4C51-9129-EA85A9951179}"/>
            </a:ext>
          </a:extLst>
        </xdr:cNvPr>
        <xdr:cNvPicPr/>
      </xdr:nvPicPr>
      <xdr:blipFill>
        <a:blip xmlns:r="http://schemas.openxmlformats.org/officeDocument/2006/relationships" r:embed="rId79" cstate="email">
          <a:extLst>
            <a:ext uri="{28A0092B-C50C-407E-A947-70E740481C1C}">
              <a14:useLocalDpi xmlns:a14="http://schemas.microsoft.com/office/drawing/2010/main" xmlns=""/>
            </a:ext>
          </a:extLst>
        </a:blip>
        <a:srcRect/>
        <a:stretch>
          <a:fillRect/>
        </a:stretch>
      </xdr:blipFill>
      <xdr:spPr>
        <a:xfrm>
          <a:off x="5908674" y="39071550"/>
          <a:ext cx="428625" cy="704850"/>
        </a:xfrm>
        <a:prstGeom prst="rect">
          <a:avLst/>
        </a:prstGeom>
        <a:noFill/>
        <a:ln w="9525">
          <a:noFill/>
          <a:miter lim="800000"/>
          <a:headEnd/>
          <a:tailEnd/>
        </a:ln>
      </xdr:spPr>
    </xdr:pic>
    <xdr:clientData/>
  </xdr:twoCellAnchor>
  <xdr:twoCellAnchor>
    <xdr:from>
      <xdr:col>4</xdr:col>
      <xdr:colOff>437515</xdr:colOff>
      <xdr:row>99</xdr:row>
      <xdr:rowOff>74295</xdr:rowOff>
    </xdr:from>
    <xdr:to>
      <xdr:col>4</xdr:col>
      <xdr:colOff>866140</xdr:colOff>
      <xdr:row>99</xdr:row>
      <xdr:rowOff>779145</xdr:rowOff>
    </xdr:to>
    <xdr:pic>
      <xdr:nvPicPr>
        <xdr:cNvPr id="114" name="图片 273">
          <a:extLst>
            <a:ext uri="{FF2B5EF4-FFF2-40B4-BE49-F238E27FC236}">
              <a16:creationId xmlns="" xmlns:a16="http://schemas.microsoft.com/office/drawing/2014/main" id="{1A891B4B-4107-4493-9743-70F3F440E97F}"/>
            </a:ext>
          </a:extLst>
        </xdr:cNvPr>
        <xdr:cNvPicPr/>
      </xdr:nvPicPr>
      <xdr:blipFill>
        <a:blip xmlns:r="http://schemas.openxmlformats.org/officeDocument/2006/relationships" r:embed="rId79" cstate="email">
          <a:extLst>
            <a:ext uri="{28A0092B-C50C-407E-A947-70E740481C1C}">
              <a14:useLocalDpi xmlns:a14="http://schemas.microsoft.com/office/drawing/2010/main" xmlns=""/>
            </a:ext>
          </a:extLst>
        </a:blip>
        <a:srcRect/>
        <a:stretch>
          <a:fillRect/>
        </a:stretch>
      </xdr:blipFill>
      <xdr:spPr>
        <a:xfrm>
          <a:off x="4755515" y="42155745"/>
          <a:ext cx="428625" cy="704850"/>
        </a:xfrm>
        <a:prstGeom prst="rect">
          <a:avLst/>
        </a:prstGeom>
        <a:noFill/>
        <a:ln w="9525">
          <a:noFill/>
          <a:miter lim="800000"/>
          <a:headEnd/>
          <a:tailEnd/>
        </a:ln>
      </xdr:spPr>
    </xdr:pic>
    <xdr:clientData/>
  </xdr:twoCellAnchor>
  <xdr:twoCellAnchor>
    <xdr:from>
      <xdr:col>2</xdr:col>
      <xdr:colOff>523875</xdr:colOff>
      <xdr:row>68</xdr:row>
      <xdr:rowOff>200025</xdr:rowOff>
    </xdr:from>
    <xdr:to>
      <xdr:col>2</xdr:col>
      <xdr:colOff>1019175</xdr:colOff>
      <xdr:row>68</xdr:row>
      <xdr:rowOff>914400</xdr:rowOff>
    </xdr:to>
    <xdr:pic>
      <xdr:nvPicPr>
        <xdr:cNvPr id="115" name="图片 274">
          <a:extLst>
            <a:ext uri="{FF2B5EF4-FFF2-40B4-BE49-F238E27FC236}">
              <a16:creationId xmlns="" xmlns:a16="http://schemas.microsoft.com/office/drawing/2014/main" id="{843E528F-0231-404F-9489-B44317F20E67}"/>
            </a:ext>
          </a:extLst>
        </xdr:cNvPr>
        <xdr:cNvPicPr/>
      </xdr:nvPicPr>
      <xdr:blipFill>
        <a:blip xmlns:r="http://schemas.openxmlformats.org/officeDocument/2006/relationships" r:embed="rId78" cstate="email">
          <a:extLst>
            <a:ext uri="{28A0092B-C50C-407E-A947-70E740481C1C}">
              <a14:useLocalDpi xmlns:a14="http://schemas.microsoft.com/office/drawing/2010/main" xmlns=""/>
            </a:ext>
          </a:extLst>
        </a:blip>
        <a:srcRect/>
        <a:stretch>
          <a:fillRect/>
        </a:stretch>
      </xdr:blipFill>
      <xdr:spPr>
        <a:xfrm>
          <a:off x="2428875" y="29975175"/>
          <a:ext cx="495300" cy="714375"/>
        </a:xfrm>
        <a:prstGeom prst="rect">
          <a:avLst/>
        </a:prstGeom>
        <a:noFill/>
        <a:ln w="9525">
          <a:noFill/>
          <a:miter lim="800000"/>
          <a:headEnd/>
          <a:tailEnd/>
        </a:ln>
      </xdr:spPr>
    </xdr:pic>
    <xdr:clientData/>
  </xdr:twoCellAnchor>
  <xdr:twoCellAnchor>
    <xdr:from>
      <xdr:col>4</xdr:col>
      <xdr:colOff>400050</xdr:colOff>
      <xdr:row>68</xdr:row>
      <xdr:rowOff>142874</xdr:rowOff>
    </xdr:from>
    <xdr:to>
      <xdr:col>4</xdr:col>
      <xdr:colOff>914400</xdr:colOff>
      <xdr:row>68</xdr:row>
      <xdr:rowOff>914399</xdr:rowOff>
    </xdr:to>
    <xdr:pic>
      <xdr:nvPicPr>
        <xdr:cNvPr id="116" name="图片 275">
          <a:extLst>
            <a:ext uri="{FF2B5EF4-FFF2-40B4-BE49-F238E27FC236}">
              <a16:creationId xmlns="" xmlns:a16="http://schemas.microsoft.com/office/drawing/2014/main" id="{C201FFDB-C0B4-40D7-9963-A93F46D0EAEB}"/>
            </a:ext>
          </a:extLst>
        </xdr:cNvPr>
        <xdr:cNvPicPr/>
      </xdr:nvPicPr>
      <xdr:blipFill>
        <a:blip xmlns:r="http://schemas.openxmlformats.org/officeDocument/2006/relationships" r:embed="rId80" cstate="email">
          <a:extLst>
            <a:ext uri="{28A0092B-C50C-407E-A947-70E740481C1C}">
              <a14:useLocalDpi xmlns:a14="http://schemas.microsoft.com/office/drawing/2010/main" xmlns=""/>
            </a:ext>
          </a:extLst>
        </a:blip>
        <a:srcRect/>
        <a:stretch>
          <a:fillRect/>
        </a:stretch>
      </xdr:blipFill>
      <xdr:spPr>
        <a:xfrm>
          <a:off x="4718050" y="29918024"/>
          <a:ext cx="514350" cy="771525"/>
        </a:xfrm>
        <a:prstGeom prst="rect">
          <a:avLst/>
        </a:prstGeom>
        <a:noFill/>
        <a:ln w="9525">
          <a:noFill/>
          <a:miter lim="800000"/>
          <a:headEnd/>
          <a:tailEnd/>
        </a:ln>
      </xdr:spPr>
    </xdr:pic>
    <xdr:clientData/>
  </xdr:twoCellAnchor>
  <xdr:twoCellAnchor editAs="oneCell">
    <xdr:from>
      <xdr:col>6</xdr:col>
      <xdr:colOff>363855</xdr:colOff>
      <xdr:row>11</xdr:row>
      <xdr:rowOff>177800</xdr:rowOff>
    </xdr:from>
    <xdr:to>
      <xdr:col>6</xdr:col>
      <xdr:colOff>1306518</xdr:colOff>
      <xdr:row>11</xdr:row>
      <xdr:rowOff>777875</xdr:rowOff>
    </xdr:to>
    <xdr:pic>
      <xdr:nvPicPr>
        <xdr:cNvPr id="117" name="Picture 167" descr="\\info-server\产品资料库\临时（to徐迪远）\渲染图\Bracket\Dome Camera\TR-JB03-D-IN.png">
          <a:extLst>
            <a:ext uri="{FF2B5EF4-FFF2-40B4-BE49-F238E27FC236}">
              <a16:creationId xmlns="" xmlns:a16="http://schemas.microsoft.com/office/drawing/2014/main" id="{D425C25B-DF9D-4454-9C47-CEFC62D60D69}"/>
            </a:ext>
          </a:extLst>
        </xdr:cNvPr>
        <xdr:cNvPicPr>
          <a:picLocks noChangeAspect="1" noChangeArrowheads="1"/>
        </xdr:cNvPicPr>
      </xdr:nvPicPr>
      <xdr:blipFill>
        <a:blip xmlns:r="http://schemas.openxmlformats.org/officeDocument/2006/relationships" r:embed="rId81" cstate="email">
          <a:extLst>
            <a:ext uri="{28A0092B-C50C-407E-A947-70E740481C1C}">
              <a14:useLocalDpi xmlns:a14="http://schemas.microsoft.com/office/drawing/2010/main" xmlns=""/>
            </a:ext>
          </a:extLst>
        </a:blip>
        <a:srcRect/>
        <a:stretch>
          <a:fillRect/>
        </a:stretch>
      </xdr:blipFill>
      <xdr:spPr>
        <a:xfrm>
          <a:off x="7113905" y="3949700"/>
          <a:ext cx="942663" cy="600075"/>
        </a:xfrm>
        <a:prstGeom prst="rect">
          <a:avLst/>
        </a:prstGeom>
        <a:noFill/>
      </xdr:spPr>
    </xdr:pic>
    <xdr:clientData/>
  </xdr:twoCellAnchor>
  <xdr:twoCellAnchor editAs="oneCell">
    <xdr:from>
      <xdr:col>5</xdr:col>
      <xdr:colOff>323850</xdr:colOff>
      <xdr:row>99</xdr:row>
      <xdr:rowOff>190500</xdr:rowOff>
    </xdr:from>
    <xdr:to>
      <xdr:col>5</xdr:col>
      <xdr:colOff>1017185</xdr:colOff>
      <xdr:row>99</xdr:row>
      <xdr:rowOff>787887</xdr:rowOff>
    </xdr:to>
    <xdr:pic>
      <xdr:nvPicPr>
        <xdr:cNvPr id="118" name="Picture 2" descr="C:\Users\x04297\Desktop\渲染图\TR-JB05-B-IN\TR-JB05-B-IN-1.png">
          <a:extLst>
            <a:ext uri="{FF2B5EF4-FFF2-40B4-BE49-F238E27FC236}">
              <a16:creationId xmlns="" xmlns:a16="http://schemas.microsoft.com/office/drawing/2014/main" id="{7375B5C0-8E17-470A-951C-E13648A57A67}"/>
            </a:ext>
          </a:extLst>
        </xdr:cNvPr>
        <xdr:cNvPicPr>
          <a:picLocks noChangeAspect="1" noChangeArrowheads="1"/>
        </xdr:cNvPicPr>
      </xdr:nvPicPr>
      <xdr:blipFill>
        <a:blip xmlns:r="http://schemas.openxmlformats.org/officeDocument/2006/relationships" r:embed="rId82" cstate="email">
          <a:extLst>
            <a:ext uri="{28A0092B-C50C-407E-A947-70E740481C1C}">
              <a14:useLocalDpi xmlns:a14="http://schemas.microsoft.com/office/drawing/2010/main" xmlns=""/>
            </a:ext>
          </a:extLst>
        </a:blip>
        <a:srcRect/>
        <a:stretch>
          <a:fillRect/>
        </a:stretch>
      </xdr:blipFill>
      <xdr:spPr>
        <a:xfrm>
          <a:off x="5822950" y="42271950"/>
          <a:ext cx="693335" cy="597387"/>
        </a:xfrm>
        <a:prstGeom prst="rect">
          <a:avLst/>
        </a:prstGeom>
        <a:noFill/>
      </xdr:spPr>
    </xdr:pic>
    <xdr:clientData/>
  </xdr:twoCellAnchor>
  <xdr:twoCellAnchor editAs="oneCell">
    <xdr:from>
      <xdr:col>0</xdr:col>
      <xdr:colOff>0</xdr:colOff>
      <xdr:row>91</xdr:row>
      <xdr:rowOff>1114425</xdr:rowOff>
    </xdr:from>
    <xdr:to>
      <xdr:col>0</xdr:col>
      <xdr:colOff>889788</xdr:colOff>
      <xdr:row>93</xdr:row>
      <xdr:rowOff>130415</xdr:rowOff>
    </xdr:to>
    <xdr:pic>
      <xdr:nvPicPr>
        <xdr:cNvPr id="119" name="Picture 1">
          <a:extLst>
            <a:ext uri="{FF2B5EF4-FFF2-40B4-BE49-F238E27FC236}">
              <a16:creationId xmlns="" xmlns:a16="http://schemas.microsoft.com/office/drawing/2014/main" id="{69A19879-46D9-4BB3-B540-6FA2B22BFA4A}"/>
            </a:ext>
          </a:extLst>
        </xdr:cNvPr>
        <xdr:cNvPicPr>
          <a:picLocks noChangeAspect="1" noChangeArrowheads="1"/>
        </xdr:cNvPicPr>
      </xdr:nvPicPr>
      <xdr:blipFill>
        <a:blip xmlns:r="http://schemas.openxmlformats.org/officeDocument/2006/relationships" r:embed="rId83" cstate="email">
          <a:extLst>
            <a:ext uri="{28A0092B-C50C-407E-A947-70E740481C1C}">
              <a14:useLocalDpi xmlns:a14="http://schemas.microsoft.com/office/drawing/2010/main" xmlns=""/>
            </a:ext>
          </a:extLst>
        </a:blip>
        <a:srcRect/>
        <a:stretch>
          <a:fillRect/>
        </a:stretch>
      </xdr:blipFill>
      <xdr:spPr>
        <a:xfrm>
          <a:off x="0" y="39976425"/>
          <a:ext cx="889788" cy="381240"/>
        </a:xfrm>
        <a:prstGeom prst="rect">
          <a:avLst/>
        </a:prstGeom>
        <a:noFill/>
        <a:ln w="1">
          <a:noFill/>
          <a:miter lim="800000"/>
          <a:headEnd/>
          <a:tailEnd type="none" w="med" len="med"/>
        </a:ln>
        <a:effectLst/>
      </xdr:spPr>
    </xdr:pic>
    <xdr:clientData/>
  </xdr:twoCellAnchor>
  <xdr:twoCellAnchor editAs="oneCell">
    <xdr:from>
      <xdr:col>0</xdr:col>
      <xdr:colOff>19050</xdr:colOff>
      <xdr:row>68</xdr:row>
      <xdr:rowOff>190500</xdr:rowOff>
    </xdr:from>
    <xdr:to>
      <xdr:col>0</xdr:col>
      <xdr:colOff>891972</xdr:colOff>
      <xdr:row>68</xdr:row>
      <xdr:rowOff>564577</xdr:rowOff>
    </xdr:to>
    <xdr:pic>
      <xdr:nvPicPr>
        <xdr:cNvPr id="120" name="图片 279">
          <a:extLst>
            <a:ext uri="{FF2B5EF4-FFF2-40B4-BE49-F238E27FC236}">
              <a16:creationId xmlns="" xmlns:a16="http://schemas.microsoft.com/office/drawing/2014/main" id="{B3BC9900-ED58-4585-9DAA-B55DF42669F4}"/>
            </a:ext>
          </a:extLst>
        </xdr:cNvPr>
        <xdr:cNvPicPr>
          <a:picLocks noChangeAspect="1"/>
        </xdr:cNvPicPr>
      </xdr:nvPicPr>
      <xdr:blipFill>
        <a:blip xmlns:r="http://schemas.openxmlformats.org/officeDocument/2006/relationships" r:embed="rId84" cstate="email">
          <a:extLst>
            <a:ext uri="{28A0092B-C50C-407E-A947-70E740481C1C}">
              <a14:useLocalDpi xmlns:a14="http://schemas.microsoft.com/office/drawing/2010/main" xmlns=""/>
            </a:ext>
          </a:extLst>
        </a:blip>
        <a:srcRect/>
        <a:stretch>
          <a:fillRect/>
        </a:stretch>
      </xdr:blipFill>
      <xdr:spPr>
        <a:xfrm>
          <a:off x="19050" y="29965650"/>
          <a:ext cx="872922" cy="374077"/>
        </a:xfrm>
        <a:prstGeom prst="rect">
          <a:avLst/>
        </a:prstGeom>
      </xdr:spPr>
    </xdr:pic>
    <xdr:clientData/>
  </xdr:twoCellAnchor>
  <xdr:twoCellAnchor editAs="oneCell">
    <xdr:from>
      <xdr:col>0</xdr:col>
      <xdr:colOff>0</xdr:colOff>
      <xdr:row>68</xdr:row>
      <xdr:rowOff>400050</xdr:rowOff>
    </xdr:from>
    <xdr:to>
      <xdr:col>0</xdr:col>
      <xdr:colOff>1013667</xdr:colOff>
      <xdr:row>69</xdr:row>
      <xdr:rowOff>159007</xdr:rowOff>
    </xdr:to>
    <xdr:pic>
      <xdr:nvPicPr>
        <xdr:cNvPr id="121" name="图片 280" descr="C:\Users\b03109\Desktop\2222_小.png">
          <a:extLst>
            <a:ext uri="{FF2B5EF4-FFF2-40B4-BE49-F238E27FC236}">
              <a16:creationId xmlns="" xmlns:a16="http://schemas.microsoft.com/office/drawing/2014/main" id="{7F364BFB-2198-45AF-BB5B-3C0683FFBADC}"/>
            </a:ext>
          </a:extLst>
        </xdr:cNvPr>
        <xdr:cNvPicPr/>
      </xdr:nvPicPr>
      <xdr:blipFill>
        <a:blip xmlns:r="http://schemas.openxmlformats.org/officeDocument/2006/relationships" r:embed="rId85" cstate="email">
          <a:extLst>
            <a:ext uri="{28A0092B-C50C-407E-A947-70E740481C1C}">
              <a14:useLocalDpi xmlns:a14="http://schemas.microsoft.com/office/drawing/2010/main" xmlns=""/>
            </a:ext>
          </a:extLst>
        </a:blip>
        <a:srcRect/>
        <a:stretch>
          <a:fillRect/>
        </a:stretch>
      </xdr:blipFill>
      <xdr:spPr>
        <a:xfrm>
          <a:off x="0" y="30175200"/>
          <a:ext cx="1013667" cy="774957"/>
        </a:xfrm>
        <a:prstGeom prst="rect">
          <a:avLst/>
        </a:prstGeom>
        <a:noFill/>
        <a:ln>
          <a:noFill/>
        </a:ln>
      </xdr:spPr>
    </xdr:pic>
    <xdr:clientData/>
  </xdr:twoCellAnchor>
  <xdr:twoCellAnchor editAs="oneCell">
    <xdr:from>
      <xdr:col>0</xdr:col>
      <xdr:colOff>0</xdr:colOff>
      <xdr:row>68</xdr:row>
      <xdr:rowOff>1104900</xdr:rowOff>
    </xdr:from>
    <xdr:to>
      <xdr:col>0</xdr:col>
      <xdr:colOff>891117</xdr:colOff>
      <xdr:row>71</xdr:row>
      <xdr:rowOff>157060</xdr:rowOff>
    </xdr:to>
    <xdr:pic>
      <xdr:nvPicPr>
        <xdr:cNvPr id="122" name="图片 281">
          <a:extLst>
            <a:ext uri="{FF2B5EF4-FFF2-40B4-BE49-F238E27FC236}">
              <a16:creationId xmlns="" xmlns:a16="http://schemas.microsoft.com/office/drawing/2014/main" id="{3E6088A9-85D5-440A-A301-12E4727B37A6}"/>
            </a:ext>
          </a:extLst>
        </xdr:cNvPr>
        <xdr:cNvPicPr>
          <a:picLocks noChangeAspect="1"/>
        </xdr:cNvPicPr>
      </xdr:nvPicPr>
      <xdr:blipFill>
        <a:blip xmlns:r="http://schemas.openxmlformats.org/officeDocument/2006/relationships" r:embed="rId86" cstate="email">
          <a:extLst>
            <a:ext uri="{28A0092B-C50C-407E-A947-70E740481C1C}">
              <a14:useLocalDpi xmlns:a14="http://schemas.microsoft.com/office/drawing/2010/main" xmlns=""/>
            </a:ext>
          </a:extLst>
        </a:blip>
        <a:srcRect/>
        <a:stretch>
          <a:fillRect/>
        </a:stretch>
      </xdr:blipFill>
      <xdr:spPr>
        <a:xfrm>
          <a:off x="0" y="30791150"/>
          <a:ext cx="891117" cy="525360"/>
        </a:xfrm>
        <a:prstGeom prst="rect">
          <a:avLst/>
        </a:prstGeom>
        <a:noFill/>
        <a:ln w="9525">
          <a:noFill/>
          <a:miter lim="800000"/>
          <a:headEnd/>
          <a:tailEnd/>
        </a:ln>
      </xdr:spPr>
    </xdr:pic>
    <xdr:clientData/>
  </xdr:twoCellAnchor>
  <xdr:twoCellAnchor editAs="oneCell">
    <xdr:from>
      <xdr:col>0</xdr:col>
      <xdr:colOff>0</xdr:colOff>
      <xdr:row>71</xdr:row>
      <xdr:rowOff>219075</xdr:rowOff>
    </xdr:from>
    <xdr:to>
      <xdr:col>0</xdr:col>
      <xdr:colOff>889636</xdr:colOff>
      <xdr:row>72</xdr:row>
      <xdr:rowOff>247651</xdr:rowOff>
    </xdr:to>
    <xdr:pic>
      <xdr:nvPicPr>
        <xdr:cNvPr id="123" name="图片 282">
          <a:extLst>
            <a:ext uri="{FF2B5EF4-FFF2-40B4-BE49-F238E27FC236}">
              <a16:creationId xmlns="" xmlns:a16="http://schemas.microsoft.com/office/drawing/2014/main" id="{66E3B8F4-1C16-4445-9076-F7F18487C246}"/>
            </a:ext>
          </a:extLst>
        </xdr:cNvPr>
        <xdr:cNvPicPr>
          <a:picLocks noChangeAspect="1"/>
        </xdr:cNvPicPr>
      </xdr:nvPicPr>
      <xdr:blipFill>
        <a:blip xmlns:r="http://schemas.openxmlformats.org/officeDocument/2006/relationships" r:embed="rId87" cstate="email">
          <a:extLst>
            <a:ext uri="{28A0092B-C50C-407E-A947-70E740481C1C}">
              <a14:useLocalDpi xmlns:a14="http://schemas.microsoft.com/office/drawing/2010/main" xmlns=""/>
            </a:ext>
          </a:extLst>
        </a:blip>
        <a:srcRect/>
        <a:stretch>
          <a:fillRect/>
        </a:stretch>
      </xdr:blipFill>
      <xdr:spPr>
        <a:xfrm>
          <a:off x="0" y="31378525"/>
          <a:ext cx="889636" cy="581026"/>
        </a:xfrm>
        <a:prstGeom prst="rect">
          <a:avLst/>
        </a:prstGeom>
      </xdr:spPr>
    </xdr:pic>
    <xdr:clientData/>
  </xdr:twoCellAnchor>
  <xdr:twoCellAnchor editAs="oneCell">
    <xdr:from>
      <xdr:col>0</xdr:col>
      <xdr:colOff>635</xdr:colOff>
      <xdr:row>77</xdr:row>
      <xdr:rowOff>76835</xdr:rowOff>
    </xdr:from>
    <xdr:to>
      <xdr:col>0</xdr:col>
      <xdr:colOff>924300</xdr:colOff>
      <xdr:row>79</xdr:row>
      <xdr:rowOff>219710</xdr:rowOff>
    </xdr:to>
    <xdr:pic>
      <xdr:nvPicPr>
        <xdr:cNvPr id="124" name="图片 283">
          <a:extLst>
            <a:ext uri="{FF2B5EF4-FFF2-40B4-BE49-F238E27FC236}">
              <a16:creationId xmlns="" xmlns:a16="http://schemas.microsoft.com/office/drawing/2014/main" id="{E992C726-A7CD-49A7-863B-B04928E53270}"/>
            </a:ext>
          </a:extLst>
        </xdr:cNvPr>
        <xdr:cNvPicPr>
          <a:picLocks noChangeAspect="1"/>
        </xdr:cNvPicPr>
      </xdr:nvPicPr>
      <xdr:blipFill>
        <a:blip xmlns:r="http://schemas.openxmlformats.org/officeDocument/2006/relationships" r:embed="rId88" cstate="email">
          <a:extLst>
            <a:ext uri="{28A0092B-C50C-407E-A947-70E740481C1C}">
              <a14:useLocalDpi xmlns:a14="http://schemas.microsoft.com/office/drawing/2010/main" xmlns=""/>
            </a:ext>
          </a:extLst>
        </a:blip>
        <a:srcRect/>
        <a:stretch>
          <a:fillRect/>
        </a:stretch>
      </xdr:blipFill>
      <xdr:spPr>
        <a:xfrm>
          <a:off x="635" y="33985835"/>
          <a:ext cx="923665" cy="511175"/>
        </a:xfrm>
        <a:prstGeom prst="rect">
          <a:avLst/>
        </a:prstGeom>
      </xdr:spPr>
    </xdr:pic>
    <xdr:clientData/>
  </xdr:twoCellAnchor>
  <xdr:twoCellAnchor editAs="oneCell">
    <xdr:from>
      <xdr:col>2</xdr:col>
      <xdr:colOff>228600</xdr:colOff>
      <xdr:row>59</xdr:row>
      <xdr:rowOff>352425</xdr:rowOff>
    </xdr:from>
    <xdr:to>
      <xdr:col>2</xdr:col>
      <xdr:colOff>1028698</xdr:colOff>
      <xdr:row>59</xdr:row>
      <xdr:rowOff>861747</xdr:rowOff>
    </xdr:to>
    <xdr:pic>
      <xdr:nvPicPr>
        <xdr:cNvPr id="125" name="Picture 2" descr="\\info-server\产品资料库\临时（to徐迪远）\渲染图\Bracket\Dome Camera\TR-JB03-D-IN.png">
          <a:extLst>
            <a:ext uri="{FF2B5EF4-FFF2-40B4-BE49-F238E27FC236}">
              <a16:creationId xmlns="" xmlns:a16="http://schemas.microsoft.com/office/drawing/2014/main" id="{75278F3D-B89F-4D65-B804-A7C9FF9747FD}"/>
            </a:ext>
          </a:extLst>
        </xdr:cNvPr>
        <xdr:cNvPicPr>
          <a:picLocks noChangeAspect="1" noChangeArrowheads="1"/>
        </xdr:cNvPicPr>
      </xdr:nvPicPr>
      <xdr:blipFill>
        <a:blip xmlns:r="http://schemas.openxmlformats.org/officeDocument/2006/relationships" r:embed="rId89" cstate="email">
          <a:extLst>
            <a:ext uri="{28A0092B-C50C-407E-A947-70E740481C1C}">
              <a14:useLocalDpi xmlns:a14="http://schemas.microsoft.com/office/drawing/2010/main" xmlns=""/>
            </a:ext>
          </a:extLst>
        </a:blip>
        <a:srcRect/>
        <a:stretch>
          <a:fillRect/>
        </a:stretch>
      </xdr:blipFill>
      <xdr:spPr>
        <a:xfrm>
          <a:off x="2133600" y="26190575"/>
          <a:ext cx="800098" cy="509322"/>
        </a:xfrm>
        <a:prstGeom prst="rect">
          <a:avLst/>
        </a:prstGeom>
        <a:noFill/>
      </xdr:spPr>
    </xdr:pic>
    <xdr:clientData/>
  </xdr:twoCellAnchor>
  <xdr:twoCellAnchor editAs="oneCell">
    <xdr:from>
      <xdr:col>2</xdr:col>
      <xdr:colOff>273685</xdr:colOff>
      <xdr:row>51</xdr:row>
      <xdr:rowOff>273050</xdr:rowOff>
    </xdr:from>
    <xdr:to>
      <xdr:col>2</xdr:col>
      <xdr:colOff>1073783</xdr:colOff>
      <xdr:row>51</xdr:row>
      <xdr:rowOff>782372</xdr:rowOff>
    </xdr:to>
    <xdr:pic>
      <xdr:nvPicPr>
        <xdr:cNvPr id="126" name="Picture 2" descr="\\info-server\产品资料库\临时（to徐迪远）\渲染图\Bracket\Dome Camera\TR-JB03-D-IN.png">
          <a:extLst>
            <a:ext uri="{FF2B5EF4-FFF2-40B4-BE49-F238E27FC236}">
              <a16:creationId xmlns="" xmlns:a16="http://schemas.microsoft.com/office/drawing/2014/main" id="{84404517-29B4-43DA-9982-016D10D88E1D}"/>
            </a:ext>
          </a:extLst>
        </xdr:cNvPr>
        <xdr:cNvPicPr>
          <a:picLocks noChangeAspect="1" noChangeArrowheads="1"/>
        </xdr:cNvPicPr>
      </xdr:nvPicPr>
      <xdr:blipFill>
        <a:blip xmlns:r="http://schemas.openxmlformats.org/officeDocument/2006/relationships" r:embed="rId89" cstate="email">
          <a:extLst>
            <a:ext uri="{28A0092B-C50C-407E-A947-70E740481C1C}">
              <a14:useLocalDpi xmlns:a14="http://schemas.microsoft.com/office/drawing/2010/main" xmlns=""/>
            </a:ext>
          </a:extLst>
        </a:blip>
        <a:srcRect/>
        <a:stretch>
          <a:fillRect/>
        </a:stretch>
      </xdr:blipFill>
      <xdr:spPr>
        <a:xfrm>
          <a:off x="2178685" y="22377400"/>
          <a:ext cx="800098" cy="509322"/>
        </a:xfrm>
        <a:prstGeom prst="rect">
          <a:avLst/>
        </a:prstGeom>
        <a:noFill/>
      </xdr:spPr>
    </xdr:pic>
    <xdr:clientData/>
  </xdr:twoCellAnchor>
  <xdr:twoCellAnchor editAs="oneCell">
    <xdr:from>
      <xdr:col>9</xdr:col>
      <xdr:colOff>61595</xdr:colOff>
      <xdr:row>43</xdr:row>
      <xdr:rowOff>153035</xdr:rowOff>
    </xdr:from>
    <xdr:to>
      <xdr:col>9</xdr:col>
      <xdr:colOff>1089747</xdr:colOff>
      <xdr:row>43</xdr:row>
      <xdr:rowOff>715010</xdr:rowOff>
    </xdr:to>
    <xdr:pic>
      <xdr:nvPicPr>
        <xdr:cNvPr id="127" name="Picture 3" descr="E:\Keyshot 渲染\KeyShot 4\Renderings\海外半球.191.png">
          <a:extLst>
            <a:ext uri="{FF2B5EF4-FFF2-40B4-BE49-F238E27FC236}">
              <a16:creationId xmlns="" xmlns:a16="http://schemas.microsoft.com/office/drawing/2014/main" id="{ABB9862C-251E-470E-BA39-DD43CB9CED45}"/>
            </a:ext>
          </a:extLst>
        </xdr:cNvPr>
        <xdr:cNvPicPr>
          <a:picLocks noChangeAspect="1" noChangeArrowheads="1"/>
        </xdr:cNvPicPr>
      </xdr:nvPicPr>
      <xdr:blipFill>
        <a:blip xmlns:r="http://schemas.openxmlformats.org/officeDocument/2006/relationships" r:embed="rId90" cstate="screen">
          <a:extLst>
            <a:ext uri="{28A0092B-C50C-407E-A947-70E740481C1C}">
              <a14:useLocalDpi xmlns:a14="http://schemas.microsoft.com/office/drawing/2010/main" xmlns=""/>
            </a:ext>
          </a:extLst>
        </a:blip>
        <a:srcRect/>
        <a:stretch>
          <a:fillRect/>
        </a:stretch>
      </xdr:blipFill>
      <xdr:spPr>
        <a:xfrm>
          <a:off x="10735945" y="18644235"/>
          <a:ext cx="1028152" cy="561975"/>
        </a:xfrm>
        <a:prstGeom prst="rect">
          <a:avLst/>
        </a:prstGeom>
        <a:noFill/>
      </xdr:spPr>
    </xdr:pic>
    <xdr:clientData/>
  </xdr:twoCellAnchor>
  <xdr:twoCellAnchor editAs="oneCell">
    <xdr:from>
      <xdr:col>10</xdr:col>
      <xdr:colOff>20955</xdr:colOff>
      <xdr:row>43</xdr:row>
      <xdr:rowOff>193675</xdr:rowOff>
    </xdr:from>
    <xdr:to>
      <xdr:col>11</xdr:col>
      <xdr:colOff>519</xdr:colOff>
      <xdr:row>43</xdr:row>
      <xdr:rowOff>698500</xdr:rowOff>
    </xdr:to>
    <xdr:pic>
      <xdr:nvPicPr>
        <xdr:cNvPr id="128" name="图片 287" descr="C:\Users\y00481\Desktop\图片文档\TR-JB07 WM04-IN 4寸半球壁装组合支架.png">
          <a:extLst>
            <a:ext uri="{FF2B5EF4-FFF2-40B4-BE49-F238E27FC236}">
              <a16:creationId xmlns="" xmlns:a16="http://schemas.microsoft.com/office/drawing/2014/main" id="{4AA1F40E-1FE4-4047-8AA6-C125083983C1}"/>
            </a:ext>
          </a:extLst>
        </xdr:cNvPr>
        <xdr:cNvPicPr>
          <a:picLocks noChangeAspect="1"/>
        </xdr:cNvPicPr>
      </xdr:nvPicPr>
      <xdr:blipFill>
        <a:blip xmlns:r="http://schemas.openxmlformats.org/officeDocument/2006/relationships" r:embed="rId91" cstate="email">
          <a:extLst>
            <a:ext uri="{28A0092B-C50C-407E-A947-70E740481C1C}">
              <a14:useLocalDpi xmlns:a14="http://schemas.microsoft.com/office/drawing/2010/main" xmlns=""/>
            </a:ext>
          </a:extLst>
        </a:blip>
        <a:srcRect/>
        <a:stretch>
          <a:fillRect/>
        </a:stretch>
      </xdr:blipFill>
      <xdr:spPr>
        <a:xfrm>
          <a:off x="11787505" y="18684875"/>
          <a:ext cx="1071764" cy="504825"/>
        </a:xfrm>
        <a:prstGeom prst="rect">
          <a:avLst/>
        </a:prstGeom>
        <a:noFill/>
        <a:ln w="9525">
          <a:noFill/>
          <a:miter lim="800000"/>
          <a:headEnd/>
          <a:tailEnd/>
        </a:ln>
      </xdr:spPr>
    </xdr:pic>
    <xdr:clientData/>
  </xdr:twoCellAnchor>
  <xdr:twoCellAnchor editAs="oneCell">
    <xdr:from>
      <xdr:col>9</xdr:col>
      <xdr:colOff>16510</xdr:colOff>
      <xdr:row>35</xdr:row>
      <xdr:rowOff>165100</xdr:rowOff>
    </xdr:from>
    <xdr:to>
      <xdr:col>9</xdr:col>
      <xdr:colOff>1092014</xdr:colOff>
      <xdr:row>35</xdr:row>
      <xdr:rowOff>869950</xdr:rowOff>
    </xdr:to>
    <xdr:pic>
      <xdr:nvPicPr>
        <xdr:cNvPr id="129" name="Picture 2" descr="\\info-server\产品资料库\临时（to徐迪远）\渲染图\Bracket\Dome Camera\TR-JB03-D-IN.png">
          <a:extLst>
            <a:ext uri="{FF2B5EF4-FFF2-40B4-BE49-F238E27FC236}">
              <a16:creationId xmlns="" xmlns:a16="http://schemas.microsoft.com/office/drawing/2014/main" id="{42465637-9C77-4411-BE4F-2AF356479E56}"/>
            </a:ext>
          </a:extLst>
        </xdr:cNvPr>
        <xdr:cNvPicPr>
          <a:picLocks noChangeAspect="1" noChangeArrowheads="1"/>
        </xdr:cNvPicPr>
      </xdr:nvPicPr>
      <xdr:blipFill>
        <a:blip xmlns:r="http://schemas.openxmlformats.org/officeDocument/2006/relationships" r:embed="rId92" cstate="email">
          <a:extLst>
            <a:ext uri="{28A0092B-C50C-407E-A947-70E740481C1C}">
              <a14:useLocalDpi xmlns:a14="http://schemas.microsoft.com/office/drawing/2010/main" xmlns=""/>
            </a:ext>
          </a:extLst>
        </a:blip>
        <a:srcRect/>
        <a:stretch>
          <a:fillRect/>
        </a:stretch>
      </xdr:blipFill>
      <xdr:spPr>
        <a:xfrm>
          <a:off x="10690860" y="14979650"/>
          <a:ext cx="1075504" cy="704850"/>
        </a:xfrm>
        <a:prstGeom prst="rect">
          <a:avLst/>
        </a:prstGeom>
        <a:noFill/>
      </xdr:spPr>
    </xdr:pic>
    <xdr:clientData/>
  </xdr:twoCellAnchor>
  <xdr:twoCellAnchor editAs="oneCell">
    <xdr:from>
      <xdr:col>8</xdr:col>
      <xdr:colOff>95250</xdr:colOff>
      <xdr:row>27</xdr:row>
      <xdr:rowOff>200025</xdr:rowOff>
    </xdr:from>
    <xdr:to>
      <xdr:col>9</xdr:col>
      <xdr:colOff>623</xdr:colOff>
      <xdr:row>27</xdr:row>
      <xdr:rowOff>771525</xdr:rowOff>
    </xdr:to>
    <xdr:pic>
      <xdr:nvPicPr>
        <xdr:cNvPr id="130" name="Picture 3" descr="E:\Keyshot 渲染\KeyShot 4\Renderings\海外半球.191.png">
          <a:extLst>
            <a:ext uri="{FF2B5EF4-FFF2-40B4-BE49-F238E27FC236}">
              <a16:creationId xmlns="" xmlns:a16="http://schemas.microsoft.com/office/drawing/2014/main" id="{51192FCB-6E42-4614-9C7E-6B3D49D6BF06}"/>
            </a:ext>
          </a:extLst>
        </xdr:cNvPr>
        <xdr:cNvPicPr>
          <a:picLocks noChangeAspect="1" noChangeArrowheads="1"/>
        </xdr:cNvPicPr>
      </xdr:nvPicPr>
      <xdr:blipFill>
        <a:blip xmlns:r="http://schemas.openxmlformats.org/officeDocument/2006/relationships" r:embed="rId93" cstate="email">
          <a:extLst>
            <a:ext uri="{28A0092B-C50C-407E-A947-70E740481C1C}">
              <a14:useLocalDpi xmlns:a14="http://schemas.microsoft.com/office/drawing/2010/main" xmlns=""/>
            </a:ext>
          </a:extLst>
        </a:blip>
        <a:srcRect/>
        <a:stretch>
          <a:fillRect/>
        </a:stretch>
      </xdr:blipFill>
      <xdr:spPr>
        <a:xfrm>
          <a:off x="9677400" y="11153775"/>
          <a:ext cx="997573" cy="571500"/>
        </a:xfrm>
        <a:prstGeom prst="rect">
          <a:avLst/>
        </a:prstGeom>
        <a:noFill/>
      </xdr:spPr>
    </xdr:pic>
    <xdr:clientData/>
  </xdr:twoCellAnchor>
  <xdr:twoCellAnchor editAs="oneCell">
    <xdr:from>
      <xdr:col>9</xdr:col>
      <xdr:colOff>47626</xdr:colOff>
      <xdr:row>27</xdr:row>
      <xdr:rowOff>304800</xdr:rowOff>
    </xdr:from>
    <xdr:to>
      <xdr:col>9</xdr:col>
      <xdr:colOff>1089026</xdr:colOff>
      <xdr:row>27</xdr:row>
      <xdr:rowOff>798702</xdr:rowOff>
    </xdr:to>
    <xdr:pic>
      <xdr:nvPicPr>
        <xdr:cNvPr id="131" name="图片 290" descr="C:\Users\y00481\Desktop\图片文档\TR-JB07 WM04-IN 4寸半球壁装组合支架.png">
          <a:extLst>
            <a:ext uri="{FF2B5EF4-FFF2-40B4-BE49-F238E27FC236}">
              <a16:creationId xmlns="" xmlns:a16="http://schemas.microsoft.com/office/drawing/2014/main" id="{0EE91F97-5ED5-4205-A415-4003FA44BE65}"/>
            </a:ext>
          </a:extLst>
        </xdr:cNvPr>
        <xdr:cNvPicPr>
          <a:picLocks noChangeAspect="1"/>
        </xdr:cNvPicPr>
      </xdr:nvPicPr>
      <xdr:blipFill>
        <a:blip xmlns:r="http://schemas.openxmlformats.org/officeDocument/2006/relationships" r:embed="rId94" cstate="email">
          <a:extLst>
            <a:ext uri="{28A0092B-C50C-407E-A947-70E740481C1C}">
              <a14:useLocalDpi xmlns:a14="http://schemas.microsoft.com/office/drawing/2010/main" xmlns=""/>
            </a:ext>
          </a:extLst>
        </a:blip>
        <a:srcRect/>
        <a:stretch>
          <a:fillRect/>
        </a:stretch>
      </xdr:blipFill>
      <xdr:spPr>
        <a:xfrm>
          <a:off x="10721976" y="11258550"/>
          <a:ext cx="1041400" cy="493902"/>
        </a:xfrm>
        <a:prstGeom prst="rect">
          <a:avLst/>
        </a:prstGeom>
        <a:noFill/>
        <a:ln w="9525">
          <a:noFill/>
          <a:miter lim="800000"/>
          <a:headEnd/>
          <a:tailEnd/>
        </a:ln>
      </xdr:spPr>
    </xdr:pic>
    <xdr:clientData/>
  </xdr:twoCellAnchor>
  <xdr:twoCellAnchor editAs="oneCell">
    <xdr:from>
      <xdr:col>8</xdr:col>
      <xdr:colOff>157480</xdr:colOff>
      <xdr:row>19</xdr:row>
      <xdr:rowOff>256540</xdr:rowOff>
    </xdr:from>
    <xdr:to>
      <xdr:col>8</xdr:col>
      <xdr:colOff>1091724</xdr:colOff>
      <xdr:row>19</xdr:row>
      <xdr:rowOff>789940</xdr:rowOff>
    </xdr:to>
    <xdr:pic>
      <xdr:nvPicPr>
        <xdr:cNvPr id="132" name="Picture 3" descr="E:\Keyshot 渲染\KeyShot 4\Renderings\海外半球.191.png">
          <a:extLst>
            <a:ext uri="{FF2B5EF4-FFF2-40B4-BE49-F238E27FC236}">
              <a16:creationId xmlns="" xmlns:a16="http://schemas.microsoft.com/office/drawing/2014/main" id="{15F4DB7D-06AD-4121-B18E-DFF7F3FF55DE}"/>
            </a:ext>
          </a:extLst>
        </xdr:cNvPr>
        <xdr:cNvPicPr>
          <a:picLocks noChangeAspect="1" noChangeArrowheads="1"/>
        </xdr:cNvPicPr>
      </xdr:nvPicPr>
      <xdr:blipFill>
        <a:blip xmlns:r="http://schemas.openxmlformats.org/officeDocument/2006/relationships" r:embed="rId95" cstate="email">
          <a:extLst>
            <a:ext uri="{28A0092B-C50C-407E-A947-70E740481C1C}">
              <a14:useLocalDpi xmlns:a14="http://schemas.microsoft.com/office/drawing/2010/main" xmlns=""/>
            </a:ext>
          </a:extLst>
        </a:blip>
        <a:srcRect/>
        <a:stretch>
          <a:fillRect/>
        </a:stretch>
      </xdr:blipFill>
      <xdr:spPr>
        <a:xfrm>
          <a:off x="9739630" y="7514590"/>
          <a:ext cx="934244" cy="533400"/>
        </a:xfrm>
        <a:prstGeom prst="rect">
          <a:avLst/>
        </a:prstGeom>
        <a:noFill/>
      </xdr:spPr>
    </xdr:pic>
    <xdr:clientData/>
  </xdr:twoCellAnchor>
  <xdr:twoCellAnchor editAs="oneCell">
    <xdr:from>
      <xdr:col>8</xdr:col>
      <xdr:colOff>1158875</xdr:colOff>
      <xdr:row>19</xdr:row>
      <xdr:rowOff>260985</xdr:rowOff>
    </xdr:from>
    <xdr:to>
      <xdr:col>10</xdr:col>
      <xdr:colOff>1718</xdr:colOff>
      <xdr:row>19</xdr:row>
      <xdr:rowOff>813435</xdr:rowOff>
    </xdr:to>
    <xdr:pic>
      <xdr:nvPicPr>
        <xdr:cNvPr id="133" name="图片 292" descr="C:\Users\y00481\Desktop\图片文档\TR-JB07 WM04-IN 4寸半球壁装组合支架.png">
          <a:extLst>
            <a:ext uri="{FF2B5EF4-FFF2-40B4-BE49-F238E27FC236}">
              <a16:creationId xmlns="" xmlns:a16="http://schemas.microsoft.com/office/drawing/2014/main" id="{77FA4D38-C6A2-4551-BF0E-4F05C4476A5C}"/>
            </a:ext>
          </a:extLst>
        </xdr:cNvPr>
        <xdr:cNvPicPr>
          <a:picLocks noChangeAspect="1"/>
        </xdr:cNvPicPr>
      </xdr:nvPicPr>
      <xdr:blipFill>
        <a:blip xmlns:r="http://schemas.openxmlformats.org/officeDocument/2006/relationships" r:embed="rId96" cstate="email">
          <a:extLst>
            <a:ext uri="{28A0092B-C50C-407E-A947-70E740481C1C}">
              <a14:useLocalDpi xmlns:a14="http://schemas.microsoft.com/office/drawing/2010/main" xmlns=""/>
            </a:ext>
          </a:extLst>
        </a:blip>
        <a:srcRect/>
        <a:stretch>
          <a:fillRect/>
        </a:stretch>
      </xdr:blipFill>
      <xdr:spPr>
        <a:xfrm>
          <a:off x="10671175" y="7519035"/>
          <a:ext cx="1097093" cy="552450"/>
        </a:xfrm>
        <a:prstGeom prst="rect">
          <a:avLst/>
        </a:prstGeom>
        <a:noFill/>
        <a:ln w="9525">
          <a:noFill/>
          <a:miter lim="800000"/>
          <a:headEnd/>
          <a:tailEnd/>
        </a:ln>
      </xdr:spPr>
    </xdr:pic>
    <xdr:clientData/>
  </xdr:twoCellAnchor>
  <xdr:twoCellAnchor editAs="oneCell">
    <xdr:from>
      <xdr:col>10</xdr:col>
      <xdr:colOff>200025</xdr:colOff>
      <xdr:row>19</xdr:row>
      <xdr:rowOff>230505</xdr:rowOff>
    </xdr:from>
    <xdr:to>
      <xdr:col>10</xdr:col>
      <xdr:colOff>1091449</xdr:colOff>
      <xdr:row>19</xdr:row>
      <xdr:rowOff>802005</xdr:rowOff>
    </xdr:to>
    <xdr:pic>
      <xdr:nvPicPr>
        <xdr:cNvPr id="134" name="Picture 2" descr="\\info-server\产品资料库\临时（to徐迪远）\渲染图\Bracket\Dome Camera\TR-JB03-D-IN.png">
          <a:extLst>
            <a:ext uri="{FF2B5EF4-FFF2-40B4-BE49-F238E27FC236}">
              <a16:creationId xmlns="" xmlns:a16="http://schemas.microsoft.com/office/drawing/2014/main" id="{B76302D1-4333-47AD-8AD1-438F7550837E}"/>
            </a:ext>
          </a:extLst>
        </xdr:cNvPr>
        <xdr:cNvPicPr>
          <a:picLocks noChangeAspect="1" noChangeArrowheads="1"/>
        </xdr:cNvPicPr>
      </xdr:nvPicPr>
      <xdr:blipFill>
        <a:blip xmlns:r="http://schemas.openxmlformats.org/officeDocument/2006/relationships" r:embed="rId97" cstate="email">
          <a:extLst>
            <a:ext uri="{28A0092B-C50C-407E-A947-70E740481C1C}">
              <a14:useLocalDpi xmlns:a14="http://schemas.microsoft.com/office/drawing/2010/main" xmlns=""/>
            </a:ext>
          </a:extLst>
        </a:blip>
        <a:srcRect/>
        <a:stretch>
          <a:fillRect/>
        </a:stretch>
      </xdr:blipFill>
      <xdr:spPr>
        <a:xfrm>
          <a:off x="11966575" y="7488555"/>
          <a:ext cx="891424" cy="571500"/>
        </a:xfrm>
        <a:prstGeom prst="rect">
          <a:avLst/>
        </a:prstGeom>
        <a:noFill/>
      </xdr:spPr>
    </xdr:pic>
    <xdr:clientData/>
  </xdr:twoCellAnchor>
  <xdr:twoCellAnchor editAs="oneCell">
    <xdr:from>
      <xdr:col>6</xdr:col>
      <xdr:colOff>317499</xdr:colOff>
      <xdr:row>68</xdr:row>
      <xdr:rowOff>229913</xdr:rowOff>
    </xdr:from>
    <xdr:to>
      <xdr:col>6</xdr:col>
      <xdr:colOff>1248103</xdr:colOff>
      <xdr:row>68</xdr:row>
      <xdr:rowOff>1005714</xdr:rowOff>
    </xdr:to>
    <xdr:pic>
      <xdr:nvPicPr>
        <xdr:cNvPr id="135" name="Picture 2" descr="E:\工作\渲染图\配件图\TR-JB06-A-IN\TR-JB06-A-IN.452.png">
          <a:extLst>
            <a:ext uri="{FF2B5EF4-FFF2-40B4-BE49-F238E27FC236}">
              <a16:creationId xmlns="" xmlns:a16="http://schemas.microsoft.com/office/drawing/2014/main" id="{27E116BF-1B19-4B60-929F-2A0A5B2E8A67}"/>
            </a:ext>
          </a:extLst>
        </xdr:cNvPr>
        <xdr:cNvPicPr>
          <a:picLocks noChangeAspect="1" noChangeArrowheads="1"/>
        </xdr:cNvPicPr>
      </xdr:nvPicPr>
      <xdr:blipFill>
        <a:blip xmlns:r="http://schemas.openxmlformats.org/officeDocument/2006/relationships" r:embed="rId98" cstate="email">
          <a:extLst>
            <a:ext uri="{28A0092B-C50C-407E-A947-70E740481C1C}">
              <a14:useLocalDpi xmlns:a14="http://schemas.microsoft.com/office/drawing/2010/main" xmlns=""/>
            </a:ext>
          </a:extLst>
        </a:blip>
        <a:srcRect/>
        <a:stretch>
          <a:fillRect/>
        </a:stretch>
      </xdr:blipFill>
      <xdr:spPr>
        <a:xfrm>
          <a:off x="7067549" y="30005063"/>
          <a:ext cx="930604" cy="775801"/>
        </a:xfrm>
        <a:prstGeom prst="rect">
          <a:avLst/>
        </a:prstGeom>
        <a:noFill/>
      </xdr:spPr>
    </xdr:pic>
    <xdr:clientData/>
  </xdr:twoCellAnchor>
  <xdr:twoCellAnchor>
    <xdr:from>
      <xdr:col>0</xdr:col>
      <xdr:colOff>163830</xdr:colOff>
      <xdr:row>38</xdr:row>
      <xdr:rowOff>839470</xdr:rowOff>
    </xdr:from>
    <xdr:to>
      <xdr:col>0</xdr:col>
      <xdr:colOff>794385</xdr:colOff>
      <xdr:row>39</xdr:row>
      <xdr:rowOff>268605</xdr:rowOff>
    </xdr:to>
    <xdr:pic>
      <xdr:nvPicPr>
        <xdr:cNvPr id="136" name="图片 295" descr="修改">
          <a:extLst>
            <a:ext uri="{FF2B5EF4-FFF2-40B4-BE49-F238E27FC236}">
              <a16:creationId xmlns="" xmlns:a16="http://schemas.microsoft.com/office/drawing/2014/main" id="{60239E37-8D97-4DA0-B4F7-A63056B8F0DA}"/>
            </a:ext>
          </a:extLst>
        </xdr:cNvPr>
        <xdr:cNvPicPr>
          <a:picLocks noChangeAspect="1"/>
        </xdr:cNvPicPr>
      </xdr:nvPicPr>
      <xdr:blipFill>
        <a:blip xmlns:r="http://schemas.openxmlformats.org/officeDocument/2006/relationships" r:embed="rId99" cstate="email">
          <a:extLst>
            <a:ext uri="{28A0092B-C50C-407E-A947-70E740481C1C}">
              <a14:useLocalDpi xmlns:a14="http://schemas.microsoft.com/office/drawing/2010/main" xmlns=""/>
            </a:ext>
          </a:extLst>
        </a:blip>
        <a:srcRect/>
        <a:stretch>
          <a:fillRect/>
        </a:stretch>
      </xdr:blipFill>
      <xdr:spPr>
        <a:xfrm>
          <a:off x="163830" y="17108170"/>
          <a:ext cx="630555" cy="534035"/>
        </a:xfrm>
        <a:prstGeom prst="rect">
          <a:avLst/>
        </a:prstGeom>
      </xdr:spPr>
    </xdr:pic>
    <xdr:clientData/>
  </xdr:twoCellAnchor>
  <xdr:twoCellAnchor>
    <xdr:from>
      <xdr:col>0</xdr:col>
      <xdr:colOff>1905</xdr:colOff>
      <xdr:row>84</xdr:row>
      <xdr:rowOff>168910</xdr:rowOff>
    </xdr:from>
    <xdr:to>
      <xdr:col>0</xdr:col>
      <xdr:colOff>923925</xdr:colOff>
      <xdr:row>87</xdr:row>
      <xdr:rowOff>351155</xdr:rowOff>
    </xdr:to>
    <xdr:pic>
      <xdr:nvPicPr>
        <xdr:cNvPr id="137" name="图片 2">
          <a:extLst>
            <a:ext uri="{FF2B5EF4-FFF2-40B4-BE49-F238E27FC236}">
              <a16:creationId xmlns="" xmlns:a16="http://schemas.microsoft.com/office/drawing/2014/main" id="{1CC24BEC-0005-4B6D-AC08-BF3F32EF8236}"/>
            </a:ext>
          </a:extLst>
        </xdr:cNvPr>
        <xdr:cNvPicPr>
          <a:picLocks noChangeAspect="1" noChangeArrowheads="1"/>
        </xdr:cNvPicPr>
      </xdr:nvPicPr>
      <xdr:blipFill>
        <a:blip xmlns:r="http://schemas.openxmlformats.org/officeDocument/2006/relationships" r:embed="rId100" cstate="email">
          <a:extLst>
            <a:ext uri="{28A0092B-C50C-407E-A947-70E740481C1C}">
              <a14:useLocalDpi xmlns:a14="http://schemas.microsoft.com/office/drawing/2010/main" xmlns=""/>
            </a:ext>
          </a:extLst>
        </a:blip>
        <a:srcRect/>
        <a:stretch>
          <a:fillRect/>
        </a:stretch>
      </xdr:blipFill>
      <xdr:spPr>
        <a:xfrm>
          <a:off x="1905" y="37189410"/>
          <a:ext cx="922020" cy="918845"/>
        </a:xfrm>
        <a:prstGeom prst="rect">
          <a:avLst/>
        </a:prstGeom>
        <a:noFill/>
        <a:ln>
          <a:noFill/>
        </a:ln>
      </xdr:spPr>
    </xdr:pic>
    <xdr:clientData/>
  </xdr:twoCellAnchor>
  <xdr:twoCellAnchor>
    <xdr:from>
      <xdr:col>2</xdr:col>
      <xdr:colOff>102870</xdr:colOff>
      <xdr:row>83</xdr:row>
      <xdr:rowOff>180340</xdr:rowOff>
    </xdr:from>
    <xdr:to>
      <xdr:col>2</xdr:col>
      <xdr:colOff>1252855</xdr:colOff>
      <xdr:row>83</xdr:row>
      <xdr:rowOff>897255</xdr:rowOff>
    </xdr:to>
    <xdr:pic>
      <xdr:nvPicPr>
        <xdr:cNvPr id="138" name="图片 297" descr="http://sgcdn.uniview.com/res/201802/09/20180209_1611767_11_790242_140445_0.jpg">
          <a:extLst>
            <a:ext uri="{FF2B5EF4-FFF2-40B4-BE49-F238E27FC236}">
              <a16:creationId xmlns="" xmlns:a16="http://schemas.microsoft.com/office/drawing/2014/main" id="{8E54CA05-10F9-4095-89BA-C1E61997E1C2}"/>
            </a:ext>
          </a:extLst>
        </xdr:cNvPr>
        <xdr:cNvPicPr>
          <a:picLocks noChangeAspect="1" noChangeArrowheads="1"/>
        </xdr:cNvPicPr>
      </xdr:nvPicPr>
      <xdr:blipFill>
        <a:blip xmlns:r="http://schemas.openxmlformats.org/officeDocument/2006/relationships" r:embed="rId101" cstate="email">
          <a:extLst>
            <a:ext uri="{28A0092B-C50C-407E-A947-70E740481C1C}">
              <a14:useLocalDpi xmlns:a14="http://schemas.microsoft.com/office/drawing/2010/main" xmlns=""/>
            </a:ext>
          </a:extLst>
        </a:blip>
        <a:srcRect/>
        <a:stretch>
          <a:fillRect/>
        </a:stretch>
      </xdr:blipFill>
      <xdr:spPr>
        <a:xfrm>
          <a:off x="2007870" y="36114990"/>
          <a:ext cx="1105535" cy="71691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4</xdr:col>
      <xdr:colOff>417195</xdr:colOff>
      <xdr:row>83</xdr:row>
      <xdr:rowOff>135890</xdr:rowOff>
    </xdr:from>
    <xdr:to>
      <xdr:col>4</xdr:col>
      <xdr:colOff>912495</xdr:colOff>
      <xdr:row>83</xdr:row>
      <xdr:rowOff>850265</xdr:rowOff>
    </xdr:to>
    <xdr:pic>
      <xdr:nvPicPr>
        <xdr:cNvPr id="139" name="图片 298">
          <a:extLst>
            <a:ext uri="{FF2B5EF4-FFF2-40B4-BE49-F238E27FC236}">
              <a16:creationId xmlns="" xmlns:a16="http://schemas.microsoft.com/office/drawing/2014/main" id="{95A28D2A-2701-4EB8-A0B2-88549F36C4F7}"/>
            </a:ext>
          </a:extLst>
        </xdr:cNvPr>
        <xdr:cNvPicPr/>
      </xdr:nvPicPr>
      <xdr:blipFill>
        <a:blip xmlns:r="http://schemas.openxmlformats.org/officeDocument/2006/relationships" r:embed="rId78" cstate="email">
          <a:extLst>
            <a:ext uri="{28A0092B-C50C-407E-A947-70E740481C1C}">
              <a14:useLocalDpi xmlns:a14="http://schemas.microsoft.com/office/drawing/2010/main" xmlns=""/>
            </a:ext>
          </a:extLst>
        </a:blip>
        <a:srcRect/>
        <a:stretch>
          <a:fillRect/>
        </a:stretch>
      </xdr:blipFill>
      <xdr:spPr>
        <a:xfrm>
          <a:off x="4735195" y="36070540"/>
          <a:ext cx="495300" cy="714375"/>
        </a:xfrm>
        <a:prstGeom prst="rect">
          <a:avLst/>
        </a:prstGeom>
        <a:noFill/>
        <a:ln w="9525">
          <a:noFill/>
          <a:miter lim="800000"/>
          <a:headEnd/>
          <a:tailEnd/>
        </a:ln>
      </xdr:spPr>
    </xdr:pic>
    <xdr:clientData/>
  </xdr:twoCellAnchor>
  <xdr:twoCellAnchor>
    <xdr:from>
      <xdr:col>5</xdr:col>
      <xdr:colOff>332740</xdr:colOff>
      <xdr:row>83</xdr:row>
      <xdr:rowOff>135890</xdr:rowOff>
    </xdr:from>
    <xdr:to>
      <xdr:col>5</xdr:col>
      <xdr:colOff>961390</xdr:colOff>
      <xdr:row>83</xdr:row>
      <xdr:rowOff>979170</xdr:rowOff>
    </xdr:to>
    <xdr:pic>
      <xdr:nvPicPr>
        <xdr:cNvPr id="140" name="图片 299" descr="http://sgcdn.uniview.com/res/201802/09/20180209_1611762_11_790236_140445_0.jpg">
          <a:extLst>
            <a:ext uri="{FF2B5EF4-FFF2-40B4-BE49-F238E27FC236}">
              <a16:creationId xmlns="" xmlns:a16="http://schemas.microsoft.com/office/drawing/2014/main" id="{19F43CB0-DFD5-4357-B3B7-113B8A542047}"/>
            </a:ext>
          </a:extLst>
        </xdr:cNvPr>
        <xdr:cNvPicPr>
          <a:picLocks noChangeAspect="1" noChangeArrowheads="1"/>
        </xdr:cNvPicPr>
      </xdr:nvPicPr>
      <xdr:blipFill>
        <a:blip xmlns:r="http://schemas.openxmlformats.org/officeDocument/2006/relationships" r:embed="rId28" cstate="email">
          <a:extLst>
            <a:ext uri="{28A0092B-C50C-407E-A947-70E740481C1C}">
              <a14:useLocalDpi xmlns:a14="http://schemas.microsoft.com/office/drawing/2010/main" xmlns=""/>
            </a:ext>
          </a:extLst>
        </a:blip>
        <a:srcRect/>
        <a:stretch>
          <a:fillRect/>
        </a:stretch>
      </xdr:blipFill>
      <xdr:spPr>
        <a:xfrm>
          <a:off x="5831840" y="36070540"/>
          <a:ext cx="628650" cy="843280"/>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xdr:from>
      <xdr:col>3</xdr:col>
      <xdr:colOff>180975</xdr:colOff>
      <xdr:row>83</xdr:row>
      <xdr:rowOff>224155</xdr:rowOff>
    </xdr:from>
    <xdr:to>
      <xdr:col>3</xdr:col>
      <xdr:colOff>1184275</xdr:colOff>
      <xdr:row>83</xdr:row>
      <xdr:rowOff>814705</xdr:rowOff>
    </xdr:to>
    <xdr:pic>
      <xdr:nvPicPr>
        <xdr:cNvPr id="141" name="图片 300" descr="D:\外设上网\支架\TR-WM06-F分销支架\TR-WM06-F.png">
          <a:extLst>
            <a:ext uri="{FF2B5EF4-FFF2-40B4-BE49-F238E27FC236}">
              <a16:creationId xmlns="" xmlns:a16="http://schemas.microsoft.com/office/drawing/2014/main" id="{DA07BBA1-AFE8-4ED6-88B7-7C5ECAE57424}"/>
            </a:ext>
          </a:extLst>
        </xdr:cNvPr>
        <xdr:cNvPicPr/>
      </xdr:nvPicPr>
      <xdr:blipFill>
        <a:blip xmlns:r="http://schemas.openxmlformats.org/officeDocument/2006/relationships" r:embed="rId102" cstate="email">
          <a:extLst>
            <a:ext uri="{28A0092B-C50C-407E-A947-70E740481C1C}">
              <a14:useLocalDpi xmlns:a14="http://schemas.microsoft.com/office/drawing/2010/main" xmlns=""/>
            </a:ext>
          </a:extLst>
        </a:blip>
        <a:srcRect/>
        <a:stretch>
          <a:fillRect/>
        </a:stretch>
      </xdr:blipFill>
      <xdr:spPr>
        <a:xfrm>
          <a:off x="3292475" y="36158805"/>
          <a:ext cx="1003300" cy="590550"/>
        </a:xfrm>
        <a:prstGeom prst="rect">
          <a:avLst/>
        </a:prstGeom>
        <a:noFill/>
        <a:ln>
          <a:noFill/>
        </a:ln>
      </xdr:spPr>
    </xdr:pic>
    <xdr:clientData/>
  </xdr:twoCellAnchor>
  <xdr:twoCellAnchor>
    <xdr:from>
      <xdr:col>2</xdr:col>
      <xdr:colOff>416560</xdr:colOff>
      <xdr:row>76</xdr:row>
      <xdr:rowOff>134620</xdr:rowOff>
    </xdr:from>
    <xdr:to>
      <xdr:col>2</xdr:col>
      <xdr:colOff>911860</xdr:colOff>
      <xdr:row>76</xdr:row>
      <xdr:rowOff>848995</xdr:rowOff>
    </xdr:to>
    <xdr:pic>
      <xdr:nvPicPr>
        <xdr:cNvPr id="142" name="图片 301">
          <a:extLst>
            <a:ext uri="{FF2B5EF4-FFF2-40B4-BE49-F238E27FC236}">
              <a16:creationId xmlns="" xmlns:a16="http://schemas.microsoft.com/office/drawing/2014/main" id="{5244DC76-E259-4041-B6D8-82A73E19D03C}"/>
            </a:ext>
          </a:extLst>
        </xdr:cNvPr>
        <xdr:cNvPicPr/>
      </xdr:nvPicPr>
      <xdr:blipFill>
        <a:blip xmlns:r="http://schemas.openxmlformats.org/officeDocument/2006/relationships" r:embed="rId78" cstate="email">
          <a:extLst>
            <a:ext uri="{28A0092B-C50C-407E-A947-70E740481C1C}">
              <a14:useLocalDpi xmlns:a14="http://schemas.microsoft.com/office/drawing/2010/main" xmlns=""/>
            </a:ext>
          </a:extLst>
        </a:blip>
        <a:srcRect/>
        <a:stretch>
          <a:fillRect/>
        </a:stretch>
      </xdr:blipFill>
      <xdr:spPr>
        <a:xfrm>
          <a:off x="2321560" y="33141920"/>
          <a:ext cx="495300" cy="714375"/>
        </a:xfrm>
        <a:prstGeom prst="rect">
          <a:avLst/>
        </a:prstGeom>
        <a:noFill/>
        <a:ln w="9525">
          <a:noFill/>
          <a:miter lim="800000"/>
          <a:headEnd/>
          <a:tailEnd/>
        </a:ln>
      </xdr:spPr>
    </xdr:pic>
    <xdr:clientData/>
  </xdr:twoCellAnchor>
  <xdr:twoCellAnchor>
    <xdr:from>
      <xdr:col>4</xdr:col>
      <xdr:colOff>404495</xdr:colOff>
      <xdr:row>76</xdr:row>
      <xdr:rowOff>111760</xdr:rowOff>
    </xdr:from>
    <xdr:to>
      <xdr:col>4</xdr:col>
      <xdr:colOff>918845</xdr:colOff>
      <xdr:row>76</xdr:row>
      <xdr:rowOff>883285</xdr:rowOff>
    </xdr:to>
    <xdr:pic>
      <xdr:nvPicPr>
        <xdr:cNvPr id="143" name="图片 302">
          <a:extLst>
            <a:ext uri="{FF2B5EF4-FFF2-40B4-BE49-F238E27FC236}">
              <a16:creationId xmlns="" xmlns:a16="http://schemas.microsoft.com/office/drawing/2014/main" id="{34D0AB2B-D623-4EBE-85DC-30BE3DBF4141}"/>
            </a:ext>
          </a:extLst>
        </xdr:cNvPr>
        <xdr:cNvPicPr/>
      </xdr:nvPicPr>
      <xdr:blipFill>
        <a:blip xmlns:r="http://schemas.openxmlformats.org/officeDocument/2006/relationships" r:embed="rId80" cstate="email">
          <a:extLst>
            <a:ext uri="{28A0092B-C50C-407E-A947-70E740481C1C}">
              <a14:useLocalDpi xmlns:a14="http://schemas.microsoft.com/office/drawing/2010/main" xmlns=""/>
            </a:ext>
          </a:extLst>
        </a:blip>
        <a:srcRect/>
        <a:stretch>
          <a:fillRect/>
        </a:stretch>
      </xdr:blipFill>
      <xdr:spPr>
        <a:xfrm>
          <a:off x="4722495" y="33119060"/>
          <a:ext cx="514350" cy="771525"/>
        </a:xfrm>
        <a:prstGeom prst="rect">
          <a:avLst/>
        </a:prstGeom>
        <a:noFill/>
        <a:ln w="9525">
          <a:noFill/>
          <a:miter lim="800000"/>
          <a:headEnd/>
          <a:tailEnd/>
        </a:ln>
      </xdr:spPr>
    </xdr:pic>
    <xdr:clientData/>
  </xdr:twoCellAnchor>
  <xdr:oneCellAnchor>
    <xdr:from>
      <xdr:col>5</xdr:col>
      <xdr:colOff>501015</xdr:colOff>
      <xdr:row>76</xdr:row>
      <xdr:rowOff>291465</xdr:rowOff>
    </xdr:from>
    <xdr:ext cx="350520" cy="448310"/>
    <xdr:pic>
      <xdr:nvPicPr>
        <xdr:cNvPr id="144" name="图片 303" descr="134345546">
          <a:extLst>
            <a:ext uri="{FF2B5EF4-FFF2-40B4-BE49-F238E27FC236}">
              <a16:creationId xmlns="" xmlns:a16="http://schemas.microsoft.com/office/drawing/2014/main" id="{186E3805-230E-4972-992E-07BD22095E74}"/>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6000115" y="33298765"/>
          <a:ext cx="350520" cy="448310"/>
        </a:xfrm>
        <a:prstGeom prst="rect">
          <a:avLst/>
        </a:prstGeom>
      </xdr:spPr>
    </xdr:pic>
    <xdr:clientData/>
  </xdr:oneCellAnchor>
  <xdr:twoCellAnchor editAs="oneCell">
    <xdr:from>
      <xdr:col>8</xdr:col>
      <xdr:colOff>420370</xdr:colOff>
      <xdr:row>11</xdr:row>
      <xdr:rowOff>255270</xdr:rowOff>
    </xdr:from>
    <xdr:to>
      <xdr:col>8</xdr:col>
      <xdr:colOff>770890</xdr:colOff>
      <xdr:row>11</xdr:row>
      <xdr:rowOff>703580</xdr:rowOff>
    </xdr:to>
    <xdr:pic>
      <xdr:nvPicPr>
        <xdr:cNvPr id="145" name="图片 304" descr="134345546">
          <a:extLst>
            <a:ext uri="{FF2B5EF4-FFF2-40B4-BE49-F238E27FC236}">
              <a16:creationId xmlns="" xmlns:a16="http://schemas.microsoft.com/office/drawing/2014/main" id="{94CD9D8E-1D7D-4E08-BCFB-E0BA49D9063A}"/>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10002520" y="4027170"/>
          <a:ext cx="350520" cy="448310"/>
        </a:xfrm>
        <a:prstGeom prst="rect">
          <a:avLst/>
        </a:prstGeom>
      </xdr:spPr>
    </xdr:pic>
    <xdr:clientData/>
  </xdr:twoCellAnchor>
  <xdr:twoCellAnchor editAs="oneCell">
    <xdr:from>
      <xdr:col>7</xdr:col>
      <xdr:colOff>129540</xdr:colOff>
      <xdr:row>11</xdr:row>
      <xdr:rowOff>288925</xdr:rowOff>
    </xdr:from>
    <xdr:to>
      <xdr:col>7</xdr:col>
      <xdr:colOff>1313815</xdr:colOff>
      <xdr:row>11</xdr:row>
      <xdr:rowOff>647065</xdr:rowOff>
    </xdr:to>
    <xdr:pic>
      <xdr:nvPicPr>
        <xdr:cNvPr id="146" name="图片 305" descr="323系列半球电器盒.png">
          <a:extLst>
            <a:ext uri="{FF2B5EF4-FFF2-40B4-BE49-F238E27FC236}">
              <a16:creationId xmlns="" xmlns:a16="http://schemas.microsoft.com/office/drawing/2014/main" id="{80182AF2-2BAB-4997-B406-A68643EB9BFA}"/>
            </a:ext>
          </a:extLst>
        </xdr:cNvPr>
        <xdr:cNvPicPr>
          <a:picLocks noChangeAspect="1"/>
        </xdr:cNvPicPr>
      </xdr:nvPicPr>
      <xdr:blipFill>
        <a:blip xmlns:r="http://schemas.openxmlformats.org/officeDocument/2006/relationships" r:embed="rId103" cstate="email">
          <a:extLst>
            <a:ext uri="{28A0092B-C50C-407E-A947-70E740481C1C}">
              <a14:useLocalDpi xmlns:a14="http://schemas.microsoft.com/office/drawing/2010/main" xmlns=""/>
            </a:ext>
          </a:extLst>
        </a:blip>
        <a:srcRect/>
        <a:stretch>
          <a:fillRect/>
        </a:stretch>
      </xdr:blipFill>
      <xdr:spPr>
        <a:xfrm>
          <a:off x="8390890" y="4060825"/>
          <a:ext cx="1184275" cy="358140"/>
        </a:xfrm>
        <a:prstGeom prst="rect">
          <a:avLst/>
        </a:prstGeom>
      </xdr:spPr>
    </xdr:pic>
    <xdr:clientData/>
  </xdr:twoCellAnchor>
  <xdr:twoCellAnchor editAs="oneCell">
    <xdr:from>
      <xdr:col>9</xdr:col>
      <xdr:colOff>321945</xdr:colOff>
      <xdr:row>11</xdr:row>
      <xdr:rowOff>51435</xdr:rowOff>
    </xdr:from>
    <xdr:to>
      <xdr:col>9</xdr:col>
      <xdr:colOff>817245</xdr:colOff>
      <xdr:row>12</xdr:row>
      <xdr:rowOff>41910</xdr:rowOff>
    </xdr:to>
    <xdr:pic>
      <xdr:nvPicPr>
        <xdr:cNvPr id="147" name="图片 306" descr="untitled.880.png">
          <a:extLst>
            <a:ext uri="{FF2B5EF4-FFF2-40B4-BE49-F238E27FC236}">
              <a16:creationId xmlns="" xmlns:a16="http://schemas.microsoft.com/office/drawing/2014/main" id="{38FFA10F-7393-45DA-84BE-DD34FC0D1450}"/>
            </a:ext>
          </a:extLst>
        </xdr:cNvPr>
        <xdr:cNvPicPr>
          <a:picLocks noChangeAspect="1"/>
        </xdr:cNvPicPr>
      </xdr:nvPicPr>
      <xdr:blipFill>
        <a:blip xmlns:r="http://schemas.openxmlformats.org/officeDocument/2006/relationships" r:embed="rId104" cstate="email">
          <a:extLst>
            <a:ext uri="{28A0092B-C50C-407E-A947-70E740481C1C}">
              <a14:useLocalDpi xmlns:a14="http://schemas.microsoft.com/office/drawing/2010/main" xmlns=""/>
            </a:ext>
          </a:extLst>
        </a:blip>
        <a:srcRect/>
        <a:stretch>
          <a:fillRect/>
        </a:stretch>
      </xdr:blipFill>
      <xdr:spPr>
        <a:xfrm>
          <a:off x="10996295" y="3823335"/>
          <a:ext cx="495300" cy="885825"/>
        </a:xfrm>
        <a:prstGeom prst="rect">
          <a:avLst/>
        </a:prstGeom>
      </xdr:spPr>
    </xdr:pic>
    <xdr:clientData/>
  </xdr:twoCellAnchor>
  <xdr:twoCellAnchor editAs="oneCell">
    <xdr:from>
      <xdr:col>10</xdr:col>
      <xdr:colOff>300990</xdr:colOff>
      <xdr:row>11</xdr:row>
      <xdr:rowOff>71755</xdr:rowOff>
    </xdr:from>
    <xdr:to>
      <xdr:col>10</xdr:col>
      <xdr:colOff>767715</xdr:colOff>
      <xdr:row>12</xdr:row>
      <xdr:rowOff>107950</xdr:rowOff>
    </xdr:to>
    <xdr:pic>
      <xdr:nvPicPr>
        <xdr:cNvPr id="148" name="图片 307" descr="untitled.882.png">
          <a:extLst>
            <a:ext uri="{FF2B5EF4-FFF2-40B4-BE49-F238E27FC236}">
              <a16:creationId xmlns="" xmlns:a16="http://schemas.microsoft.com/office/drawing/2014/main" id="{585CF776-D823-417E-AD2F-B31DEE328E5A}"/>
            </a:ext>
          </a:extLst>
        </xdr:cNvPr>
        <xdr:cNvPicPr>
          <a:picLocks noChangeAspect="1"/>
        </xdr:cNvPicPr>
      </xdr:nvPicPr>
      <xdr:blipFill>
        <a:blip xmlns:r="http://schemas.openxmlformats.org/officeDocument/2006/relationships" r:embed="rId105" cstate="email">
          <a:extLst>
            <a:ext uri="{28A0092B-C50C-407E-A947-70E740481C1C}">
              <a14:useLocalDpi xmlns:a14="http://schemas.microsoft.com/office/drawing/2010/main" xmlns=""/>
            </a:ext>
          </a:extLst>
        </a:blip>
        <a:srcRect/>
        <a:stretch>
          <a:fillRect/>
        </a:stretch>
      </xdr:blipFill>
      <xdr:spPr>
        <a:xfrm rot="10800000">
          <a:off x="12067540" y="3843655"/>
          <a:ext cx="466725" cy="931545"/>
        </a:xfrm>
        <a:prstGeom prst="rect">
          <a:avLst/>
        </a:prstGeom>
      </xdr:spPr>
    </xdr:pic>
    <xdr:clientData/>
  </xdr:twoCellAnchor>
  <xdr:twoCellAnchor editAs="oneCell">
    <xdr:from>
      <xdr:col>11</xdr:col>
      <xdr:colOff>415925</xdr:colOff>
      <xdr:row>11</xdr:row>
      <xdr:rowOff>67945</xdr:rowOff>
    </xdr:from>
    <xdr:to>
      <xdr:col>11</xdr:col>
      <xdr:colOff>835025</xdr:colOff>
      <xdr:row>12</xdr:row>
      <xdr:rowOff>75565</xdr:rowOff>
    </xdr:to>
    <xdr:pic>
      <xdr:nvPicPr>
        <xdr:cNvPr id="149" name="图片 308" descr="untitled.885.png">
          <a:extLst>
            <a:ext uri="{FF2B5EF4-FFF2-40B4-BE49-F238E27FC236}">
              <a16:creationId xmlns="" xmlns:a16="http://schemas.microsoft.com/office/drawing/2014/main" id="{EE3DE88F-68A7-4945-A8F8-C3476CBA0379}"/>
            </a:ext>
          </a:extLst>
        </xdr:cNvPr>
        <xdr:cNvPicPr>
          <a:picLocks noChangeAspect="1"/>
        </xdr:cNvPicPr>
      </xdr:nvPicPr>
      <xdr:blipFill>
        <a:blip xmlns:r="http://schemas.openxmlformats.org/officeDocument/2006/relationships" r:embed="rId106" cstate="screen">
          <a:extLst>
            <a:ext uri="{28A0092B-C50C-407E-A947-70E740481C1C}">
              <a14:useLocalDpi xmlns:a14="http://schemas.microsoft.com/office/drawing/2010/main" xmlns=""/>
            </a:ext>
          </a:extLst>
        </a:blip>
        <a:srcRect/>
        <a:stretch>
          <a:fillRect/>
        </a:stretch>
      </xdr:blipFill>
      <xdr:spPr>
        <a:xfrm rot="10800000">
          <a:off x="13274675" y="3839845"/>
          <a:ext cx="419100" cy="902970"/>
        </a:xfrm>
        <a:prstGeom prst="rect">
          <a:avLst/>
        </a:prstGeom>
      </xdr:spPr>
    </xdr:pic>
    <xdr:clientData/>
  </xdr:twoCellAnchor>
  <xdr:twoCellAnchor editAs="oneCell">
    <xdr:from>
      <xdr:col>0</xdr:col>
      <xdr:colOff>44823</xdr:colOff>
      <xdr:row>150</xdr:row>
      <xdr:rowOff>168089</xdr:rowOff>
    </xdr:from>
    <xdr:to>
      <xdr:col>0</xdr:col>
      <xdr:colOff>888626</xdr:colOff>
      <xdr:row>152</xdr:row>
      <xdr:rowOff>273580</xdr:rowOff>
    </xdr:to>
    <xdr:pic>
      <xdr:nvPicPr>
        <xdr:cNvPr id="150" name="图片 309">
          <a:extLst>
            <a:ext uri="{FF2B5EF4-FFF2-40B4-BE49-F238E27FC236}">
              <a16:creationId xmlns="" xmlns:a16="http://schemas.microsoft.com/office/drawing/2014/main" id="{F02F1CDA-0BBA-4E75-8723-28D572C406BD}"/>
            </a:ext>
          </a:extLst>
        </xdr:cNvPr>
        <xdr:cNvPicPr>
          <a:picLocks noChangeAspect="1"/>
        </xdr:cNvPicPr>
      </xdr:nvPicPr>
      <xdr:blipFill>
        <a:blip xmlns:r="http://schemas.openxmlformats.org/officeDocument/2006/relationships" r:embed="rId107" cstate="email">
          <a:extLst>
            <a:ext uri="{28A0092B-C50C-407E-A947-70E740481C1C}">
              <a14:useLocalDpi xmlns:a14="http://schemas.microsoft.com/office/drawing/2010/main" xmlns=""/>
            </a:ext>
          </a:extLst>
        </a:blip>
        <a:stretch>
          <a:fillRect/>
        </a:stretch>
      </xdr:blipFill>
      <xdr:spPr>
        <a:xfrm>
          <a:off x="44823" y="63179139"/>
          <a:ext cx="843803" cy="473791"/>
        </a:xfrm>
        <a:prstGeom prst="rect">
          <a:avLst/>
        </a:prstGeom>
      </xdr:spPr>
    </xdr:pic>
    <xdr:clientData/>
  </xdr:twoCellAnchor>
  <xdr:twoCellAnchor editAs="oneCell">
    <xdr:from>
      <xdr:col>2</xdr:col>
      <xdr:colOff>302559</xdr:colOff>
      <xdr:row>149</xdr:row>
      <xdr:rowOff>89647</xdr:rowOff>
    </xdr:from>
    <xdr:to>
      <xdr:col>2</xdr:col>
      <xdr:colOff>1121709</xdr:colOff>
      <xdr:row>149</xdr:row>
      <xdr:rowOff>965199</xdr:rowOff>
    </xdr:to>
    <xdr:pic>
      <xdr:nvPicPr>
        <xdr:cNvPr id="151" name="图片 310" descr="\\Info-server\国内支撑平台\前端IPC\渲染图\配件\支架\TR-CM06-C-IN 四目吊装支架\TR-CM06-C-IN 四目吊装支架-RF.png">
          <a:extLst>
            <a:ext uri="{FF2B5EF4-FFF2-40B4-BE49-F238E27FC236}">
              <a16:creationId xmlns="" xmlns:a16="http://schemas.microsoft.com/office/drawing/2014/main" id="{3FB7CD72-5B1F-4973-9E43-6058AC59602B}"/>
            </a:ext>
          </a:extLst>
        </xdr:cNvPr>
        <xdr:cNvPicPr/>
      </xdr:nvPicPr>
      <xdr:blipFill>
        <a:blip xmlns:r="http://schemas.openxmlformats.org/officeDocument/2006/relationships" r:embed="rId108" cstate="email">
          <a:extLst>
            <a:ext uri="{28A0092B-C50C-407E-A947-70E740481C1C}">
              <a14:useLocalDpi xmlns:a14="http://schemas.microsoft.com/office/drawing/2010/main" xmlns=""/>
            </a:ext>
          </a:extLst>
        </a:blip>
        <a:srcRect/>
        <a:stretch>
          <a:fillRect/>
        </a:stretch>
      </xdr:blipFill>
      <xdr:spPr>
        <a:xfrm>
          <a:off x="2207559" y="62110097"/>
          <a:ext cx="819150" cy="875552"/>
        </a:xfrm>
        <a:prstGeom prst="rect">
          <a:avLst/>
        </a:prstGeom>
        <a:noFill/>
        <a:ln>
          <a:noFill/>
        </a:ln>
      </xdr:spPr>
    </xdr:pic>
    <xdr:clientData/>
  </xdr:twoCellAnchor>
  <xdr:twoCellAnchor editAs="oneCell">
    <xdr:from>
      <xdr:col>3</xdr:col>
      <xdr:colOff>212912</xdr:colOff>
      <xdr:row>149</xdr:row>
      <xdr:rowOff>134470</xdr:rowOff>
    </xdr:from>
    <xdr:to>
      <xdr:col>3</xdr:col>
      <xdr:colOff>1131676</xdr:colOff>
      <xdr:row>149</xdr:row>
      <xdr:rowOff>820270</xdr:rowOff>
    </xdr:to>
    <xdr:pic>
      <xdr:nvPicPr>
        <xdr:cNvPr id="152" name="图片 311" descr="\\Info-server\国内支撑平台\前端IPC\渲染图\配件\支架\TR-UV06-C-IN 四目二维支架\TR-UV06-C-IN 四目二维支架-RF.png">
          <a:extLst>
            <a:ext uri="{FF2B5EF4-FFF2-40B4-BE49-F238E27FC236}">
              <a16:creationId xmlns="" xmlns:a16="http://schemas.microsoft.com/office/drawing/2014/main" id="{79FD9731-ED57-4B80-992A-6B4AB42DFEFC}"/>
            </a:ext>
          </a:extLst>
        </xdr:cNvPr>
        <xdr:cNvPicPr/>
      </xdr:nvPicPr>
      <xdr:blipFill>
        <a:blip xmlns:r="http://schemas.openxmlformats.org/officeDocument/2006/relationships" r:embed="rId109" cstate="email">
          <a:extLst>
            <a:ext uri="{28A0092B-C50C-407E-A947-70E740481C1C}">
              <a14:useLocalDpi xmlns:a14="http://schemas.microsoft.com/office/drawing/2010/main" xmlns=""/>
            </a:ext>
          </a:extLst>
        </a:blip>
        <a:srcRect/>
        <a:stretch>
          <a:fillRect/>
        </a:stretch>
      </xdr:blipFill>
      <xdr:spPr>
        <a:xfrm>
          <a:off x="3324412" y="62154920"/>
          <a:ext cx="918764" cy="685800"/>
        </a:xfrm>
        <a:prstGeom prst="rect">
          <a:avLst/>
        </a:prstGeom>
        <a:noFill/>
        <a:ln>
          <a:noFill/>
        </a:ln>
      </xdr:spPr>
    </xdr:pic>
    <xdr:clientData/>
  </xdr:twoCellAnchor>
  <xdr:twoCellAnchor editAs="oneCell">
    <xdr:from>
      <xdr:col>4</xdr:col>
      <xdr:colOff>44824</xdr:colOff>
      <xdr:row>149</xdr:row>
      <xdr:rowOff>100853</xdr:rowOff>
    </xdr:from>
    <xdr:to>
      <xdr:col>5</xdr:col>
      <xdr:colOff>3074</xdr:colOff>
      <xdr:row>149</xdr:row>
      <xdr:rowOff>975283</xdr:rowOff>
    </xdr:to>
    <xdr:pic>
      <xdr:nvPicPr>
        <xdr:cNvPr id="153" name="图片 312" descr="\\Info-server\国内支撑平台\前端IPC\渲染图\配件\支架\四目壁装支架\四目壁装支架-R.png">
          <a:extLst>
            <a:ext uri="{FF2B5EF4-FFF2-40B4-BE49-F238E27FC236}">
              <a16:creationId xmlns="" xmlns:a16="http://schemas.microsoft.com/office/drawing/2014/main" id="{60E2A351-6361-43F2-BC89-13342C7D8C59}"/>
            </a:ext>
          </a:extLst>
        </xdr:cNvPr>
        <xdr:cNvPicPr/>
      </xdr:nvPicPr>
      <xdr:blipFill>
        <a:blip xmlns:r="http://schemas.openxmlformats.org/officeDocument/2006/relationships" r:embed="rId110" cstate="email">
          <a:extLst>
            <a:ext uri="{28A0092B-C50C-407E-A947-70E740481C1C}">
              <a14:useLocalDpi xmlns:a14="http://schemas.microsoft.com/office/drawing/2010/main" xmlns=""/>
            </a:ext>
          </a:extLst>
        </a:blip>
        <a:srcRect/>
        <a:stretch>
          <a:fillRect/>
        </a:stretch>
      </xdr:blipFill>
      <xdr:spPr>
        <a:xfrm>
          <a:off x="4362824" y="62121303"/>
          <a:ext cx="1139350" cy="874430"/>
        </a:xfrm>
        <a:prstGeom prst="rect">
          <a:avLst/>
        </a:prstGeom>
        <a:noFill/>
        <a:ln>
          <a:noFill/>
        </a:ln>
      </xdr:spPr>
    </xdr:pic>
    <xdr:clientData/>
  </xdr:twoCellAnchor>
  <xdr:twoCellAnchor editAs="oneCell">
    <xdr:from>
      <xdr:col>5</xdr:col>
      <xdr:colOff>280147</xdr:colOff>
      <xdr:row>149</xdr:row>
      <xdr:rowOff>190500</xdr:rowOff>
    </xdr:from>
    <xdr:to>
      <xdr:col>5</xdr:col>
      <xdr:colOff>1000695</xdr:colOff>
      <xdr:row>149</xdr:row>
      <xdr:rowOff>851002</xdr:rowOff>
    </xdr:to>
    <xdr:pic>
      <xdr:nvPicPr>
        <xdr:cNvPr id="154" name="图片 313">
          <a:extLst>
            <a:ext uri="{FF2B5EF4-FFF2-40B4-BE49-F238E27FC236}">
              <a16:creationId xmlns="" xmlns:a16="http://schemas.microsoft.com/office/drawing/2014/main" id="{3EB383F5-C191-4527-8B8A-34F27912B201}"/>
            </a:ext>
          </a:extLst>
        </xdr:cNvPr>
        <xdr:cNvPicPr/>
      </xdr:nvPicPr>
      <xdr:blipFill>
        <a:blip xmlns:r="http://schemas.openxmlformats.org/officeDocument/2006/relationships" r:embed="rId111" cstate="email">
          <a:extLst>
            <a:ext uri="{28A0092B-C50C-407E-A947-70E740481C1C}">
              <a14:useLocalDpi xmlns:a14="http://schemas.microsoft.com/office/drawing/2010/main" xmlns=""/>
            </a:ext>
          </a:extLst>
        </a:blip>
        <a:srcRect/>
        <a:stretch>
          <a:fillRect/>
        </a:stretch>
      </xdr:blipFill>
      <xdr:spPr>
        <a:xfrm>
          <a:off x="5779247" y="62210950"/>
          <a:ext cx="720548" cy="660502"/>
        </a:xfrm>
        <a:prstGeom prst="rect">
          <a:avLst/>
        </a:prstGeom>
        <a:noFill/>
        <a:ln w="9525">
          <a:noFill/>
          <a:miter lim="800000"/>
          <a:headEnd/>
          <a:tailEnd/>
        </a:ln>
      </xdr:spPr>
    </xdr:pic>
    <xdr:clientData/>
  </xdr:twoCellAnchor>
  <xdr:twoCellAnchor editAs="oneCell">
    <xdr:from>
      <xdr:col>6</xdr:col>
      <xdr:colOff>336177</xdr:colOff>
      <xdr:row>149</xdr:row>
      <xdr:rowOff>89646</xdr:rowOff>
    </xdr:from>
    <xdr:to>
      <xdr:col>6</xdr:col>
      <xdr:colOff>1128265</xdr:colOff>
      <xdr:row>150</xdr:row>
      <xdr:rowOff>3195</xdr:rowOff>
    </xdr:to>
    <xdr:pic>
      <xdr:nvPicPr>
        <xdr:cNvPr id="155" name="图片 314">
          <a:extLst>
            <a:ext uri="{FF2B5EF4-FFF2-40B4-BE49-F238E27FC236}">
              <a16:creationId xmlns="" xmlns:a16="http://schemas.microsoft.com/office/drawing/2014/main" id="{8A084CB9-7C98-4C51-836D-5D6BFA22A395}"/>
            </a:ext>
          </a:extLst>
        </xdr:cNvPr>
        <xdr:cNvPicPr/>
      </xdr:nvPicPr>
      <xdr:blipFill>
        <a:blip xmlns:r="http://schemas.openxmlformats.org/officeDocument/2006/relationships" r:embed="rId112" cstate="email">
          <a:extLst>
            <a:ext uri="{28A0092B-C50C-407E-A947-70E740481C1C}">
              <a14:useLocalDpi xmlns:a14="http://schemas.microsoft.com/office/drawing/2010/main" xmlns=""/>
            </a:ext>
          </a:extLst>
        </a:blip>
        <a:srcRect/>
        <a:stretch>
          <a:fillRect/>
        </a:stretch>
      </xdr:blipFill>
      <xdr:spPr>
        <a:xfrm rot="5400000">
          <a:off x="7030197" y="62166126"/>
          <a:ext cx="904148" cy="792088"/>
        </a:xfrm>
        <a:prstGeom prst="rect">
          <a:avLst/>
        </a:prstGeom>
        <a:noFill/>
        <a:ln w="9525">
          <a:noFill/>
          <a:miter lim="800000"/>
          <a:headEnd/>
          <a:tailEnd/>
        </a:ln>
      </xdr:spPr>
    </xdr:pic>
    <xdr:clientData/>
  </xdr:twoCellAnchor>
  <xdr:twoCellAnchor>
    <xdr:from>
      <xdr:col>3</xdr:col>
      <xdr:colOff>350520</xdr:colOff>
      <xdr:row>68</xdr:row>
      <xdr:rowOff>255905</xdr:rowOff>
    </xdr:from>
    <xdr:to>
      <xdr:col>3</xdr:col>
      <xdr:colOff>974090</xdr:colOff>
      <xdr:row>68</xdr:row>
      <xdr:rowOff>892175</xdr:rowOff>
    </xdr:to>
    <xdr:pic>
      <xdr:nvPicPr>
        <xdr:cNvPr id="156" name="图片 315">
          <a:extLst>
            <a:ext uri="{FF2B5EF4-FFF2-40B4-BE49-F238E27FC236}">
              <a16:creationId xmlns="" xmlns:a16="http://schemas.microsoft.com/office/drawing/2014/main" id="{16D4285D-57F6-4946-91F4-ABAB38727812}"/>
            </a:ext>
          </a:extLst>
        </xdr:cNvPr>
        <xdr:cNvPicPr>
          <a:picLocks noChangeAspect="1"/>
        </xdr:cNvPicPr>
      </xdr:nvPicPr>
      <xdr:blipFill>
        <a:blip xmlns:r="http://schemas.openxmlformats.org/officeDocument/2006/relationships" r:embed="rId113" cstate="email">
          <a:clrChange>
            <a:clrFrom>
              <a:srgbClr val="EEF3FA">
                <a:alpha val="100000"/>
              </a:srgbClr>
            </a:clrFrom>
            <a:clrTo>
              <a:srgbClr val="EEF3FA">
                <a:alpha val="100000"/>
                <a:alpha val="0"/>
              </a:srgbClr>
            </a:clrTo>
          </a:clrChange>
          <a:extLst>
            <a:ext uri="{28A0092B-C50C-407E-A947-70E740481C1C}">
              <a14:useLocalDpi xmlns:a14="http://schemas.microsoft.com/office/drawing/2010/main" xmlns=""/>
            </a:ext>
          </a:extLst>
        </a:blip>
        <a:stretch>
          <a:fillRect/>
        </a:stretch>
      </xdr:blipFill>
      <xdr:spPr>
        <a:xfrm>
          <a:off x="3462020" y="30031055"/>
          <a:ext cx="623570" cy="636270"/>
        </a:xfrm>
        <a:prstGeom prst="rect">
          <a:avLst/>
        </a:prstGeom>
      </xdr:spPr>
    </xdr:pic>
    <xdr:clientData/>
  </xdr:twoCellAnchor>
  <xdr:twoCellAnchor>
    <xdr:from>
      <xdr:col>3</xdr:col>
      <xdr:colOff>306070</xdr:colOff>
      <xdr:row>76</xdr:row>
      <xdr:rowOff>233680</xdr:rowOff>
    </xdr:from>
    <xdr:to>
      <xdr:col>3</xdr:col>
      <xdr:colOff>929640</xdr:colOff>
      <xdr:row>76</xdr:row>
      <xdr:rowOff>869950</xdr:rowOff>
    </xdr:to>
    <xdr:pic>
      <xdr:nvPicPr>
        <xdr:cNvPr id="157" name="图片 316">
          <a:extLst>
            <a:ext uri="{FF2B5EF4-FFF2-40B4-BE49-F238E27FC236}">
              <a16:creationId xmlns="" xmlns:a16="http://schemas.microsoft.com/office/drawing/2014/main" id="{68741D88-FD1A-4FCF-9454-64F64DAEE931}"/>
            </a:ext>
          </a:extLst>
        </xdr:cNvPr>
        <xdr:cNvPicPr>
          <a:picLocks noChangeAspect="1"/>
        </xdr:cNvPicPr>
      </xdr:nvPicPr>
      <xdr:blipFill>
        <a:blip xmlns:r="http://schemas.openxmlformats.org/officeDocument/2006/relationships" r:embed="rId113" cstate="email">
          <a:clrChange>
            <a:clrFrom>
              <a:srgbClr val="EEF3FA">
                <a:alpha val="100000"/>
              </a:srgbClr>
            </a:clrFrom>
            <a:clrTo>
              <a:srgbClr val="EEF3FA">
                <a:alpha val="100000"/>
                <a:alpha val="0"/>
              </a:srgbClr>
            </a:clrTo>
          </a:clrChange>
          <a:extLst>
            <a:ext uri="{28A0092B-C50C-407E-A947-70E740481C1C}">
              <a14:useLocalDpi xmlns:a14="http://schemas.microsoft.com/office/drawing/2010/main" xmlns=""/>
            </a:ext>
          </a:extLst>
        </a:blip>
        <a:stretch>
          <a:fillRect/>
        </a:stretch>
      </xdr:blipFill>
      <xdr:spPr>
        <a:xfrm>
          <a:off x="3417570" y="33240980"/>
          <a:ext cx="623570" cy="636270"/>
        </a:xfrm>
        <a:prstGeom prst="rect">
          <a:avLst/>
        </a:prstGeom>
      </xdr:spPr>
    </xdr:pic>
    <xdr:clientData/>
  </xdr:twoCellAnchor>
  <xdr:twoCellAnchor editAs="oneCell">
    <xdr:from>
      <xdr:col>12</xdr:col>
      <xdr:colOff>1215390</xdr:colOff>
      <xdr:row>2</xdr:row>
      <xdr:rowOff>259715</xdr:rowOff>
    </xdr:from>
    <xdr:to>
      <xdr:col>14</xdr:col>
      <xdr:colOff>41275</xdr:colOff>
      <xdr:row>2</xdr:row>
      <xdr:rowOff>866140</xdr:rowOff>
    </xdr:to>
    <xdr:pic>
      <xdr:nvPicPr>
        <xdr:cNvPr id="158" name="图片 317" descr="图片1---29护罩基本款">
          <a:extLst>
            <a:ext uri="{FF2B5EF4-FFF2-40B4-BE49-F238E27FC236}">
              <a16:creationId xmlns="" xmlns:a16="http://schemas.microsoft.com/office/drawing/2014/main" id="{1C1E353F-4695-4F9D-BC02-59DCE11F45AA}"/>
            </a:ext>
          </a:extLst>
        </xdr:cNvPr>
        <xdr:cNvPicPr>
          <a:picLocks noChangeAspect="1"/>
        </xdr:cNvPicPr>
      </xdr:nvPicPr>
      <xdr:blipFill>
        <a:blip xmlns:r="http://schemas.openxmlformats.org/officeDocument/2006/relationships" r:embed="rId114" cstate="email">
          <a:extLst>
            <a:ext uri="{28A0092B-C50C-407E-A947-70E740481C1C}">
              <a14:useLocalDpi xmlns:a14="http://schemas.microsoft.com/office/drawing/2010/main" xmlns=""/>
            </a:ext>
          </a:extLst>
        </a:blip>
        <a:stretch>
          <a:fillRect/>
        </a:stretch>
      </xdr:blipFill>
      <xdr:spPr>
        <a:xfrm>
          <a:off x="15274290" y="634365"/>
          <a:ext cx="1384935" cy="606425"/>
        </a:xfrm>
        <a:prstGeom prst="rect">
          <a:avLst/>
        </a:prstGeom>
      </xdr:spPr>
    </xdr:pic>
    <xdr:clientData/>
  </xdr:twoCellAnchor>
  <xdr:twoCellAnchor editAs="oneCell">
    <xdr:from>
      <xdr:col>14</xdr:col>
      <xdr:colOff>1069340</xdr:colOff>
      <xdr:row>2</xdr:row>
      <xdr:rowOff>380365</xdr:rowOff>
    </xdr:from>
    <xdr:to>
      <xdr:col>16</xdr:col>
      <xdr:colOff>300990</xdr:colOff>
      <xdr:row>2</xdr:row>
      <xdr:rowOff>888365</xdr:rowOff>
    </xdr:to>
    <xdr:pic>
      <xdr:nvPicPr>
        <xdr:cNvPr id="159" name="图片 318" descr="图片--29护罩红外款">
          <a:extLst>
            <a:ext uri="{FF2B5EF4-FFF2-40B4-BE49-F238E27FC236}">
              <a16:creationId xmlns="" xmlns:a16="http://schemas.microsoft.com/office/drawing/2014/main" id="{56919708-EA2A-4D7D-B211-42ED7EACCCA1}"/>
            </a:ext>
          </a:extLst>
        </xdr:cNvPr>
        <xdr:cNvPicPr>
          <a:picLocks noChangeAspect="1"/>
        </xdr:cNvPicPr>
      </xdr:nvPicPr>
      <xdr:blipFill>
        <a:blip xmlns:r="http://schemas.openxmlformats.org/officeDocument/2006/relationships" r:embed="rId115" cstate="email">
          <a:extLst>
            <a:ext uri="{28A0092B-C50C-407E-A947-70E740481C1C}">
              <a14:useLocalDpi xmlns:a14="http://schemas.microsoft.com/office/drawing/2010/main" xmlns=""/>
            </a:ext>
          </a:extLst>
        </a:blip>
        <a:stretch>
          <a:fillRect/>
        </a:stretch>
      </xdr:blipFill>
      <xdr:spPr>
        <a:xfrm>
          <a:off x="17687290" y="755015"/>
          <a:ext cx="1752600" cy="508000"/>
        </a:xfrm>
        <a:prstGeom prst="rect">
          <a:avLst/>
        </a:prstGeom>
      </xdr:spPr>
    </xdr:pic>
    <xdr:clientData/>
  </xdr:twoCellAnchor>
  <xdr:twoCellAnchor editAs="oneCell">
    <xdr:from>
      <xdr:col>13</xdr:col>
      <xdr:colOff>1376045</xdr:colOff>
      <xdr:row>2</xdr:row>
      <xdr:rowOff>323215</xdr:rowOff>
    </xdr:from>
    <xdr:to>
      <xdr:col>15</xdr:col>
      <xdr:colOff>162560</xdr:colOff>
      <xdr:row>2</xdr:row>
      <xdr:rowOff>929640</xdr:rowOff>
    </xdr:to>
    <xdr:pic>
      <xdr:nvPicPr>
        <xdr:cNvPr id="160" name="图片 319" descr="图片1---29护罩基本款">
          <a:extLst>
            <a:ext uri="{FF2B5EF4-FFF2-40B4-BE49-F238E27FC236}">
              <a16:creationId xmlns="" xmlns:a16="http://schemas.microsoft.com/office/drawing/2014/main" id="{1D8D5048-8A48-4C00-B3FA-B4327FFF2C66}"/>
            </a:ext>
          </a:extLst>
        </xdr:cNvPr>
        <xdr:cNvPicPr>
          <a:picLocks noChangeAspect="1"/>
        </xdr:cNvPicPr>
      </xdr:nvPicPr>
      <xdr:blipFill>
        <a:blip xmlns:r="http://schemas.openxmlformats.org/officeDocument/2006/relationships" r:embed="rId116" cstate="email">
          <a:extLst>
            <a:ext uri="{28A0092B-C50C-407E-A947-70E740481C1C}">
              <a14:useLocalDpi xmlns:a14="http://schemas.microsoft.com/office/drawing/2010/main" xmlns=""/>
            </a:ext>
          </a:extLst>
        </a:blip>
        <a:stretch>
          <a:fillRect/>
        </a:stretch>
      </xdr:blipFill>
      <xdr:spPr>
        <a:xfrm>
          <a:off x="16616045" y="697865"/>
          <a:ext cx="1396365" cy="606425"/>
        </a:xfrm>
        <a:prstGeom prst="rect">
          <a:avLst/>
        </a:prstGeom>
      </xdr:spPr>
    </xdr:pic>
    <xdr:clientData/>
  </xdr:twoCellAnchor>
  <xdr:twoCellAnchor>
    <xdr:from>
      <xdr:col>16</xdr:col>
      <xdr:colOff>110490</xdr:colOff>
      <xdr:row>2</xdr:row>
      <xdr:rowOff>379730</xdr:rowOff>
    </xdr:from>
    <xdr:to>
      <xdr:col>16</xdr:col>
      <xdr:colOff>1101725</xdr:colOff>
      <xdr:row>2</xdr:row>
      <xdr:rowOff>879475</xdr:rowOff>
    </xdr:to>
    <xdr:pic>
      <xdr:nvPicPr>
        <xdr:cNvPr id="161" name="Picture 2">
          <a:extLst>
            <a:ext uri="{FF2B5EF4-FFF2-40B4-BE49-F238E27FC236}">
              <a16:creationId xmlns="" xmlns:a16="http://schemas.microsoft.com/office/drawing/2014/main" id="{FC7D6FA0-6C19-46CE-833F-83E08A70DEFB}"/>
            </a:ext>
          </a:extLst>
        </xdr:cNvPr>
        <xdr:cNvPicPr>
          <a:picLocks noChangeAspect="1" noChangeArrowheads="1"/>
        </xdr:cNvPicPr>
      </xdr:nvPicPr>
      <xdr:blipFill>
        <a:blip xmlns:r="http://schemas.openxmlformats.org/officeDocument/2006/relationships" r:embed="rId117" cstate="email">
          <a:lum contrast="10000"/>
          <a:extLst>
            <a:ext uri="{28A0092B-C50C-407E-A947-70E740481C1C}">
              <a14:useLocalDpi xmlns:a14="http://schemas.microsoft.com/office/drawing/2010/main" xmlns=""/>
            </a:ext>
          </a:extLst>
        </a:blip>
        <a:srcRect/>
        <a:stretch>
          <a:fillRect/>
        </a:stretch>
      </xdr:blipFill>
      <xdr:spPr bwMode="auto">
        <a:xfrm>
          <a:off x="19249390" y="754380"/>
          <a:ext cx="991235" cy="499745"/>
        </a:xfrm>
        <a:prstGeom prst="rect">
          <a:avLst/>
        </a:prstGeom>
        <a:noFill/>
        <a:ln w="9525">
          <a:noFill/>
          <a:miter lim="800000"/>
          <a:headEnd/>
          <a:tailEnd/>
        </a:ln>
        <a:effectLst/>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2</xdr:col>
      <xdr:colOff>343824</xdr:colOff>
      <xdr:row>5</xdr:row>
      <xdr:rowOff>98778</xdr:rowOff>
    </xdr:from>
    <xdr:to>
      <xdr:col>2</xdr:col>
      <xdr:colOff>1184897</xdr:colOff>
      <xdr:row>8</xdr:row>
      <xdr:rowOff>134057</xdr:rowOff>
    </xdr:to>
    <xdr:pic>
      <xdr:nvPicPr>
        <xdr:cNvPr id="3" name="Picture 2">
          <a:extLst>
            <a:ext uri="{FF2B5EF4-FFF2-40B4-BE49-F238E27FC236}">
              <a16:creationId xmlns="" xmlns:a16="http://schemas.microsoft.com/office/drawing/2014/main" id="{04D91132-24FE-40C0-A648-79407A9A8A46}"/>
            </a:ext>
          </a:extLst>
        </xdr:cNvPr>
        <xdr:cNvPicPr>
          <a:picLocks noChangeAspect="1" noChangeArrowheads="1"/>
        </xdr:cNvPicPr>
      </xdr:nvPicPr>
      <xdr:blipFill>
        <a:blip xmlns:r="http://schemas.openxmlformats.org/officeDocument/2006/relationships" r:embed="rId1" cstate="email">
          <a:extLst>
            <a:ext uri="{28A0092B-C50C-407E-A947-70E740481C1C}">
              <a14:useLocalDpi xmlns:a14="http://schemas.microsoft.com/office/drawing/2010/main" xmlns=""/>
            </a:ext>
          </a:extLst>
        </a:blip>
        <a:srcRect/>
        <a:stretch>
          <a:fillRect/>
        </a:stretch>
      </xdr:blipFill>
      <xdr:spPr bwMode="auto">
        <a:xfrm>
          <a:off x="2384658" y="1079439"/>
          <a:ext cx="841073" cy="565366"/>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239516</xdr:colOff>
      <xdr:row>2</xdr:row>
      <xdr:rowOff>19050</xdr:rowOff>
    </xdr:from>
    <xdr:to>
      <xdr:col>2</xdr:col>
      <xdr:colOff>1101436</xdr:colOff>
      <xdr:row>5</xdr:row>
      <xdr:rowOff>78572</xdr:rowOff>
    </xdr:to>
    <xdr:pic>
      <xdr:nvPicPr>
        <xdr:cNvPr id="4" name="Picture 3">
          <a:extLst>
            <a:ext uri="{FF2B5EF4-FFF2-40B4-BE49-F238E27FC236}">
              <a16:creationId xmlns="" xmlns:a16="http://schemas.microsoft.com/office/drawing/2014/main" id="{A98B707B-441A-4752-BBE8-91B58F381E6D}"/>
            </a:ext>
          </a:extLst>
        </xdr:cNvPr>
        <xdr:cNvPicPr>
          <a:picLocks noChangeAspect="1" noChangeArrowheads="1"/>
        </xdr:cNvPicPr>
      </xdr:nvPicPr>
      <xdr:blipFill>
        <a:blip xmlns:r="http://schemas.openxmlformats.org/officeDocument/2006/relationships" r:embed="rId2" cstate="email">
          <a:extLst>
            <a:ext uri="{28A0092B-C50C-407E-A947-70E740481C1C}">
              <a14:useLocalDpi xmlns:a14="http://schemas.microsoft.com/office/drawing/2010/main" xmlns=""/>
            </a:ext>
          </a:extLst>
        </a:blip>
        <a:srcRect/>
        <a:stretch>
          <a:fillRect/>
        </a:stretch>
      </xdr:blipFill>
      <xdr:spPr bwMode="auto">
        <a:xfrm>
          <a:off x="2134991" y="476250"/>
          <a:ext cx="861920" cy="57387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173458</xdr:colOff>
      <xdr:row>29</xdr:row>
      <xdr:rowOff>40408</xdr:rowOff>
    </xdr:from>
    <xdr:to>
      <xdr:col>2</xdr:col>
      <xdr:colOff>1275818</xdr:colOff>
      <xdr:row>36</xdr:row>
      <xdr:rowOff>148591</xdr:rowOff>
    </xdr:to>
    <xdr:pic>
      <xdr:nvPicPr>
        <xdr:cNvPr id="5" name="图片 2">
          <a:extLst>
            <a:ext uri="{FF2B5EF4-FFF2-40B4-BE49-F238E27FC236}">
              <a16:creationId xmlns="" xmlns:a16="http://schemas.microsoft.com/office/drawing/2014/main" id="{4C5FCBAD-59CD-4153-9917-F26F289AFD0C}"/>
            </a:ext>
          </a:extLst>
        </xdr:cNvPr>
        <xdr:cNvPicPr>
          <a:picLocks noChangeAspect="1"/>
        </xdr:cNvPicPr>
      </xdr:nvPicPr>
      <xdr:blipFill rotWithShape="1">
        <a:blip xmlns:r="http://schemas.openxmlformats.org/officeDocument/2006/relationships" r:embed="rId3" cstate="email">
          <a:extLst>
            <a:ext uri="{28A0092B-C50C-407E-A947-70E740481C1C}">
              <a14:useLocalDpi xmlns:a14="http://schemas.microsoft.com/office/drawing/2010/main" xmlns=""/>
            </a:ext>
          </a:extLst>
        </a:blip>
        <a:srcRect/>
        <a:stretch/>
      </xdr:blipFill>
      <xdr:spPr>
        <a:xfrm>
          <a:off x="2214292" y="9926530"/>
          <a:ext cx="1102360" cy="1345052"/>
        </a:xfrm>
        <a:prstGeom prst="rect">
          <a:avLst/>
        </a:prstGeom>
      </xdr:spPr>
    </xdr:pic>
    <xdr:clientData/>
  </xdr:twoCellAnchor>
  <xdr:twoCellAnchor editAs="oneCell">
    <xdr:from>
      <xdr:col>2</xdr:col>
      <xdr:colOff>467589</xdr:colOff>
      <xdr:row>9</xdr:row>
      <xdr:rowOff>72934</xdr:rowOff>
    </xdr:from>
    <xdr:to>
      <xdr:col>2</xdr:col>
      <xdr:colOff>862444</xdr:colOff>
      <xdr:row>9</xdr:row>
      <xdr:rowOff>343476</xdr:rowOff>
    </xdr:to>
    <xdr:pic>
      <xdr:nvPicPr>
        <xdr:cNvPr id="6" name="Picture 5">
          <a:extLst>
            <a:ext uri="{FF2B5EF4-FFF2-40B4-BE49-F238E27FC236}">
              <a16:creationId xmlns="" xmlns:a16="http://schemas.microsoft.com/office/drawing/2014/main" id="{B11CB16E-6354-461E-93AA-A3C025E20845}"/>
            </a:ext>
          </a:extLst>
        </xdr:cNvPr>
        <xdr:cNvPicPr>
          <a:picLocks noChangeAspect="1" noChangeArrowheads="1"/>
        </xdr:cNvPicPr>
      </xdr:nvPicPr>
      <xdr:blipFill>
        <a:blip xmlns:r="http://schemas.openxmlformats.org/officeDocument/2006/relationships" r:embed="rId4" cstate="email">
          <a:extLst>
            <a:ext uri="{28A0092B-C50C-407E-A947-70E740481C1C}">
              <a14:useLocalDpi xmlns:a14="http://schemas.microsoft.com/office/drawing/2010/main" xmlns=""/>
            </a:ext>
          </a:extLst>
        </a:blip>
        <a:srcRect/>
        <a:stretch>
          <a:fillRect/>
        </a:stretch>
      </xdr:blipFill>
      <xdr:spPr bwMode="auto">
        <a:xfrm>
          <a:off x="2508423" y="1760377"/>
          <a:ext cx="394855" cy="270542"/>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67591</xdr:colOff>
      <xdr:row>11</xdr:row>
      <xdr:rowOff>66313</xdr:rowOff>
    </xdr:from>
    <xdr:to>
      <xdr:col>2</xdr:col>
      <xdr:colOff>879763</xdr:colOff>
      <xdr:row>11</xdr:row>
      <xdr:rowOff>348671</xdr:rowOff>
    </xdr:to>
    <xdr:pic>
      <xdr:nvPicPr>
        <xdr:cNvPr id="7" name="Picture 6">
          <a:extLst>
            <a:ext uri="{FF2B5EF4-FFF2-40B4-BE49-F238E27FC236}">
              <a16:creationId xmlns="" xmlns:a16="http://schemas.microsoft.com/office/drawing/2014/main" id="{4B34C90F-C21C-489F-A450-A55F74CA885F}"/>
            </a:ext>
          </a:extLst>
        </xdr:cNvPr>
        <xdr:cNvPicPr>
          <a:picLocks noChangeAspect="1" noChangeArrowheads="1"/>
        </xdr:cNvPicPr>
      </xdr:nvPicPr>
      <xdr:blipFill>
        <a:blip xmlns:r="http://schemas.openxmlformats.org/officeDocument/2006/relationships" r:embed="rId5" cstate="email">
          <a:extLst>
            <a:ext uri="{28A0092B-C50C-407E-A947-70E740481C1C}">
              <a14:useLocalDpi xmlns:a14="http://schemas.microsoft.com/office/drawing/2010/main" xmlns=""/>
            </a:ext>
          </a:extLst>
        </a:blip>
        <a:srcRect/>
        <a:stretch>
          <a:fillRect/>
        </a:stretch>
      </xdr:blipFill>
      <xdr:spPr bwMode="auto">
        <a:xfrm>
          <a:off x="2508425" y="2584226"/>
          <a:ext cx="412172" cy="28235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49242</xdr:colOff>
      <xdr:row>12</xdr:row>
      <xdr:rowOff>57727</xdr:rowOff>
    </xdr:from>
    <xdr:to>
      <xdr:col>2</xdr:col>
      <xdr:colOff>949037</xdr:colOff>
      <xdr:row>12</xdr:row>
      <xdr:rowOff>400051</xdr:rowOff>
    </xdr:to>
    <xdr:pic>
      <xdr:nvPicPr>
        <xdr:cNvPr id="8" name="Picture 7">
          <a:extLst>
            <a:ext uri="{FF2B5EF4-FFF2-40B4-BE49-F238E27FC236}">
              <a16:creationId xmlns="" xmlns:a16="http://schemas.microsoft.com/office/drawing/2014/main" id="{C9265C67-B96D-4096-8C72-FA9EAE952599}"/>
            </a:ext>
          </a:extLst>
        </xdr:cNvPr>
        <xdr:cNvPicPr>
          <a:picLocks noChangeAspect="1" noChangeArrowheads="1"/>
        </xdr:cNvPicPr>
      </xdr:nvPicPr>
      <xdr:blipFill>
        <a:blip xmlns:r="http://schemas.openxmlformats.org/officeDocument/2006/relationships" r:embed="rId6" cstate="email">
          <a:extLst>
            <a:ext uri="{28A0092B-C50C-407E-A947-70E740481C1C}">
              <a14:useLocalDpi xmlns:a14="http://schemas.microsoft.com/office/drawing/2010/main" xmlns=""/>
            </a:ext>
          </a:extLst>
        </a:blip>
        <a:srcRect/>
        <a:stretch>
          <a:fillRect/>
        </a:stretch>
      </xdr:blipFill>
      <xdr:spPr bwMode="auto">
        <a:xfrm>
          <a:off x="2490076" y="2990875"/>
          <a:ext cx="499795" cy="34232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409864</xdr:colOff>
      <xdr:row>13</xdr:row>
      <xdr:rowOff>70495</xdr:rowOff>
    </xdr:from>
    <xdr:to>
      <xdr:col>2</xdr:col>
      <xdr:colOff>908628</xdr:colOff>
      <xdr:row>13</xdr:row>
      <xdr:rowOff>412173</xdr:rowOff>
    </xdr:to>
    <xdr:pic>
      <xdr:nvPicPr>
        <xdr:cNvPr id="9" name="Picture 8">
          <a:extLst>
            <a:ext uri="{FF2B5EF4-FFF2-40B4-BE49-F238E27FC236}">
              <a16:creationId xmlns="" xmlns:a16="http://schemas.microsoft.com/office/drawing/2014/main" id="{D93E37F3-7425-4AFE-AE19-212AAEA5BFF9}"/>
            </a:ext>
          </a:extLst>
        </xdr:cNvPr>
        <xdr:cNvPicPr>
          <a:picLocks noChangeAspect="1" noChangeArrowheads="1"/>
        </xdr:cNvPicPr>
      </xdr:nvPicPr>
      <xdr:blipFill>
        <a:blip xmlns:r="http://schemas.openxmlformats.org/officeDocument/2006/relationships" r:embed="rId7" cstate="email">
          <a:extLst>
            <a:ext uri="{28A0092B-C50C-407E-A947-70E740481C1C}">
              <a14:useLocalDpi xmlns:a14="http://schemas.microsoft.com/office/drawing/2010/main" xmlns=""/>
            </a:ext>
          </a:extLst>
        </a:blip>
        <a:srcRect/>
        <a:stretch>
          <a:fillRect/>
        </a:stretch>
      </xdr:blipFill>
      <xdr:spPr bwMode="auto">
        <a:xfrm>
          <a:off x="2450698" y="3418877"/>
          <a:ext cx="498764" cy="341678"/>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98318</xdr:colOff>
      <xdr:row>14</xdr:row>
      <xdr:rowOff>36842</xdr:rowOff>
    </xdr:from>
    <xdr:to>
      <xdr:col>2</xdr:col>
      <xdr:colOff>920173</xdr:colOff>
      <xdr:row>14</xdr:row>
      <xdr:rowOff>394276</xdr:rowOff>
    </xdr:to>
    <xdr:pic>
      <xdr:nvPicPr>
        <xdr:cNvPr id="10" name="Picture 9">
          <a:extLst>
            <a:ext uri="{FF2B5EF4-FFF2-40B4-BE49-F238E27FC236}">
              <a16:creationId xmlns="" xmlns:a16="http://schemas.microsoft.com/office/drawing/2014/main" id="{27BE3631-CBF5-40D6-BDB9-80A6852D4D97}"/>
            </a:ext>
          </a:extLst>
        </xdr:cNvPr>
        <xdr:cNvPicPr>
          <a:picLocks noChangeAspect="1" noChangeArrowheads="1"/>
        </xdr:cNvPicPr>
      </xdr:nvPicPr>
      <xdr:blipFill>
        <a:blip xmlns:r="http://schemas.openxmlformats.org/officeDocument/2006/relationships" r:embed="rId8" cstate="email">
          <a:extLst>
            <a:ext uri="{28A0092B-C50C-407E-A947-70E740481C1C}">
              <a14:useLocalDpi xmlns:a14="http://schemas.microsoft.com/office/drawing/2010/main" xmlns=""/>
            </a:ext>
          </a:extLst>
        </a:blip>
        <a:srcRect/>
        <a:stretch>
          <a:fillRect/>
        </a:stretch>
      </xdr:blipFill>
      <xdr:spPr bwMode="auto">
        <a:xfrm>
          <a:off x="2439152" y="3800460"/>
          <a:ext cx="521855" cy="357434"/>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0</xdr:col>
      <xdr:colOff>0</xdr:colOff>
      <xdr:row>83</xdr:row>
      <xdr:rowOff>0</xdr:rowOff>
    </xdr:from>
    <xdr:to>
      <xdr:col>10</xdr:col>
      <xdr:colOff>9525</xdr:colOff>
      <xdr:row>83</xdr:row>
      <xdr:rowOff>9525</xdr:rowOff>
    </xdr:to>
    <xdr:pic>
      <xdr:nvPicPr>
        <xdr:cNvPr id="11" name="图片 2" descr="C:\Users\lw7435\AppData\Roaming\Foxmail7\Temp-5892-20190527081204\Attach\ecblank(05-27-08-19-56).gif">
          <a:extLst>
            <a:ext uri="{FF2B5EF4-FFF2-40B4-BE49-F238E27FC236}">
              <a16:creationId xmlns="" xmlns:a16="http://schemas.microsoft.com/office/drawing/2014/main" id="{058F202F-402F-49AD-AA13-5BD0842DA4A7}"/>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xmlns="" val="0"/>
            </a:ext>
          </a:extLst>
        </a:blip>
        <a:srcRect/>
        <a:stretch>
          <a:fillRect/>
        </a:stretch>
      </xdr:blipFill>
      <xdr:spPr>
        <a:xfrm>
          <a:off x="10981634" y="26910748"/>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0</xdr:col>
      <xdr:colOff>0</xdr:colOff>
      <xdr:row>83</xdr:row>
      <xdr:rowOff>0</xdr:rowOff>
    </xdr:from>
    <xdr:to>
      <xdr:col>10</xdr:col>
      <xdr:colOff>9525</xdr:colOff>
      <xdr:row>83</xdr:row>
      <xdr:rowOff>9525</xdr:rowOff>
    </xdr:to>
    <xdr:pic>
      <xdr:nvPicPr>
        <xdr:cNvPr id="12" name="图片 6" descr="C:\Users\lw7435\AppData\Roaming\Foxmail7\Temp-5892-20190527081204\Attach\ecblank(05-27-08-19-56).gif">
          <a:extLst>
            <a:ext uri="{FF2B5EF4-FFF2-40B4-BE49-F238E27FC236}">
              <a16:creationId xmlns="" xmlns:a16="http://schemas.microsoft.com/office/drawing/2014/main" id="{38B855D3-D39E-4A3F-BBD1-281620314641}"/>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xmlns="" val="0"/>
            </a:ext>
          </a:extLst>
        </a:blip>
        <a:srcRect/>
        <a:stretch>
          <a:fillRect/>
        </a:stretch>
      </xdr:blipFill>
      <xdr:spPr>
        <a:xfrm>
          <a:off x="10981634" y="26910748"/>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oneCellAnchor>
    <xdr:from>
      <xdr:col>10</xdr:col>
      <xdr:colOff>0</xdr:colOff>
      <xdr:row>83</xdr:row>
      <xdr:rowOff>0</xdr:rowOff>
    </xdr:from>
    <xdr:ext cx="9525" cy="9525"/>
    <xdr:pic>
      <xdr:nvPicPr>
        <xdr:cNvPr id="13" name="图片 2" descr="C:\Users\lw7435\AppData\Roaming\Foxmail7\Temp-5892-20190527081204\Attach\ecblank(05-27-08-19-56).gif">
          <a:extLst>
            <a:ext uri="{FF2B5EF4-FFF2-40B4-BE49-F238E27FC236}">
              <a16:creationId xmlns="" xmlns:a16="http://schemas.microsoft.com/office/drawing/2014/main" id="{4038B301-3532-4842-BD24-C6FC605EA267}"/>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xmlns="" val="0"/>
            </a:ext>
          </a:extLst>
        </a:blip>
        <a:srcRect/>
        <a:stretch>
          <a:fillRect/>
        </a:stretch>
      </xdr:blipFill>
      <xdr:spPr>
        <a:xfrm>
          <a:off x="10981634" y="26910748"/>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oneCellAnchor>
    <xdr:from>
      <xdr:col>10</xdr:col>
      <xdr:colOff>0</xdr:colOff>
      <xdr:row>83</xdr:row>
      <xdr:rowOff>0</xdr:rowOff>
    </xdr:from>
    <xdr:ext cx="9525" cy="9525"/>
    <xdr:pic>
      <xdr:nvPicPr>
        <xdr:cNvPr id="14" name="图片 6" descr="C:\Users\lw7435\AppData\Roaming\Foxmail7\Temp-5892-20190527081204\Attach\ecblank(05-27-08-19-56).gif">
          <a:extLst>
            <a:ext uri="{FF2B5EF4-FFF2-40B4-BE49-F238E27FC236}">
              <a16:creationId xmlns="" xmlns:a16="http://schemas.microsoft.com/office/drawing/2014/main" id="{241789AF-107B-4A35-B256-E022FAFEABFD}"/>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xmlns="" val="0"/>
            </a:ext>
          </a:extLst>
        </a:blip>
        <a:srcRect/>
        <a:stretch>
          <a:fillRect/>
        </a:stretch>
      </xdr:blipFill>
      <xdr:spPr>
        <a:xfrm>
          <a:off x="10981634" y="26910748"/>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oneCellAnchor>
  <xdr:twoCellAnchor editAs="oneCell">
    <xdr:from>
      <xdr:col>10</xdr:col>
      <xdr:colOff>0</xdr:colOff>
      <xdr:row>83</xdr:row>
      <xdr:rowOff>0</xdr:rowOff>
    </xdr:from>
    <xdr:to>
      <xdr:col>10</xdr:col>
      <xdr:colOff>9525</xdr:colOff>
      <xdr:row>83</xdr:row>
      <xdr:rowOff>9525</xdr:rowOff>
    </xdr:to>
    <xdr:pic>
      <xdr:nvPicPr>
        <xdr:cNvPr id="15" name="图片 11" descr="C:\Users\lw7435\AppData\Roaming\Foxmail7\Temp-5892-20190527081204\Attach\ecblank(05-27-08-19-56).gif">
          <a:extLst>
            <a:ext uri="{FF2B5EF4-FFF2-40B4-BE49-F238E27FC236}">
              <a16:creationId xmlns="" xmlns:a16="http://schemas.microsoft.com/office/drawing/2014/main" id="{B05DD5AB-241F-4864-AB08-25CC2E39B3ED}"/>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xmlns="" val="0"/>
            </a:ext>
          </a:extLst>
        </a:blip>
        <a:srcRect/>
        <a:stretch>
          <a:fillRect/>
        </a:stretch>
      </xdr:blipFill>
      <xdr:spPr>
        <a:xfrm>
          <a:off x="10981634" y="26910748"/>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0</xdr:col>
      <xdr:colOff>0</xdr:colOff>
      <xdr:row>83</xdr:row>
      <xdr:rowOff>0</xdr:rowOff>
    </xdr:from>
    <xdr:to>
      <xdr:col>10</xdr:col>
      <xdr:colOff>9525</xdr:colOff>
      <xdr:row>83</xdr:row>
      <xdr:rowOff>9525</xdr:rowOff>
    </xdr:to>
    <xdr:pic>
      <xdr:nvPicPr>
        <xdr:cNvPr id="16" name="图片 15" descr="C:\Users\lw7435\AppData\Roaming\Foxmail7\Temp-5892-20190527081204\Attach\ecblank(05-27-08-19-56).gif">
          <a:extLst>
            <a:ext uri="{FF2B5EF4-FFF2-40B4-BE49-F238E27FC236}">
              <a16:creationId xmlns="" xmlns:a16="http://schemas.microsoft.com/office/drawing/2014/main" id="{720737EE-82D0-4228-AEE5-03CC41CB6D7F}"/>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xmlns="" val="0"/>
            </a:ext>
          </a:extLst>
        </a:blip>
        <a:srcRect/>
        <a:stretch>
          <a:fillRect/>
        </a:stretch>
      </xdr:blipFill>
      <xdr:spPr>
        <a:xfrm>
          <a:off x="10981634" y="26910748"/>
          <a:ext cx="9525" cy="9525"/>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34819</xdr:colOff>
      <xdr:row>9</xdr:row>
      <xdr:rowOff>409864</xdr:rowOff>
    </xdr:from>
    <xdr:to>
      <xdr:col>2</xdr:col>
      <xdr:colOff>1004456</xdr:colOff>
      <xdr:row>10</xdr:row>
      <xdr:rowOff>398318</xdr:rowOff>
    </xdr:to>
    <xdr:pic>
      <xdr:nvPicPr>
        <xdr:cNvPr id="24" name="图片 18" descr="C:\Users\l03714\AppData\Local\Temp\notesE97E9E\IMG_0453.png">
          <a:extLst>
            <a:ext uri="{FF2B5EF4-FFF2-40B4-BE49-F238E27FC236}">
              <a16:creationId xmlns="" xmlns:a16="http://schemas.microsoft.com/office/drawing/2014/main" id="{84DD8E8E-22C3-4319-A935-4A7ADB7FAD8D}"/>
            </a:ext>
          </a:extLst>
        </xdr:cNvPr>
        <xdr:cNvPicPr/>
      </xdr:nvPicPr>
      <xdr:blipFill>
        <a:blip xmlns:r="http://schemas.openxmlformats.org/officeDocument/2006/relationships" r:embed="rId10" cstate="email">
          <a:extLst>
            <a:ext uri="{28A0092B-C50C-407E-A947-70E740481C1C}">
              <a14:useLocalDpi xmlns:a14="http://schemas.microsoft.com/office/drawing/2010/main" xmlns=""/>
            </a:ext>
          </a:extLst>
        </a:blip>
        <a:srcRect/>
        <a:stretch>
          <a:fillRect/>
        </a:stretch>
      </xdr:blipFill>
      <xdr:spPr bwMode="auto">
        <a:xfrm>
          <a:off x="2375653" y="2097307"/>
          <a:ext cx="669637" cy="403689"/>
        </a:xfrm>
        <a:prstGeom prst="rect">
          <a:avLst/>
        </a:prstGeom>
        <a:noFill/>
        <a:ln>
          <a:noFill/>
        </a:ln>
      </xdr:spPr>
    </xdr:pic>
    <xdr:clientData/>
  </xdr:twoCellAnchor>
  <xdr:twoCellAnchor editAs="oneCell">
    <xdr:from>
      <xdr:col>6</xdr:col>
      <xdr:colOff>224120</xdr:colOff>
      <xdr:row>55</xdr:row>
      <xdr:rowOff>0</xdr:rowOff>
    </xdr:from>
    <xdr:to>
      <xdr:col>7</xdr:col>
      <xdr:colOff>175935</xdr:colOff>
      <xdr:row>55</xdr:row>
      <xdr:rowOff>2867</xdr:rowOff>
    </xdr:to>
    <xdr:pic>
      <xdr:nvPicPr>
        <xdr:cNvPr id="54" name="图片 1" descr="C:\Users\y02501\Desktop\L21BD_K-F.png">
          <a:extLst>
            <a:ext uri="{FF2B5EF4-FFF2-40B4-BE49-F238E27FC236}">
              <a16:creationId xmlns="" xmlns:a16="http://schemas.microsoft.com/office/drawing/2014/main" id="{3222F3F0-16E3-42DE-90B8-82E4E259B6B1}"/>
            </a:ext>
          </a:extLst>
        </xdr:cNvPr>
        <xdr:cNvPicPr/>
      </xdr:nvPicPr>
      <xdr:blipFill>
        <a:blip xmlns:r="http://schemas.openxmlformats.org/officeDocument/2006/relationships" r:embed="rId11" cstate="print">
          <a:extLst>
            <a:ext uri="{28A0092B-C50C-407E-A947-70E740481C1C}">
              <a14:useLocalDpi xmlns:a14="http://schemas.microsoft.com/office/drawing/2010/main" xmlns="" val="0"/>
            </a:ext>
          </a:extLst>
        </a:blip>
        <a:srcRect/>
        <a:stretch>
          <a:fillRect/>
        </a:stretch>
      </xdr:blipFill>
      <xdr:spPr bwMode="auto">
        <a:xfrm>
          <a:off x="7468642" y="18853426"/>
          <a:ext cx="1109171" cy="2867"/>
        </a:xfrm>
        <a:prstGeom prst="rect">
          <a:avLst/>
        </a:prstGeom>
        <a:noFill/>
        <a:ln>
          <a:noFill/>
        </a:ln>
      </xdr:spPr>
    </xdr:pic>
    <xdr:clientData/>
  </xdr:twoCellAnchor>
  <xdr:twoCellAnchor editAs="oneCell">
    <xdr:from>
      <xdr:col>6</xdr:col>
      <xdr:colOff>224120</xdr:colOff>
      <xdr:row>55</xdr:row>
      <xdr:rowOff>0</xdr:rowOff>
    </xdr:from>
    <xdr:to>
      <xdr:col>7</xdr:col>
      <xdr:colOff>175935</xdr:colOff>
      <xdr:row>55</xdr:row>
      <xdr:rowOff>2867</xdr:rowOff>
    </xdr:to>
    <xdr:pic>
      <xdr:nvPicPr>
        <xdr:cNvPr id="55" name="图片 2" descr="C:\Users\y02501\Desktop\L21BD_K-F.png">
          <a:extLst>
            <a:ext uri="{FF2B5EF4-FFF2-40B4-BE49-F238E27FC236}">
              <a16:creationId xmlns="" xmlns:a16="http://schemas.microsoft.com/office/drawing/2014/main" id="{904F79CD-700C-4038-896E-F1C12E99FCCD}"/>
            </a:ext>
          </a:extLst>
        </xdr:cNvPr>
        <xdr:cNvPicPr/>
      </xdr:nvPicPr>
      <xdr:blipFill>
        <a:blip xmlns:r="http://schemas.openxmlformats.org/officeDocument/2006/relationships" r:embed="rId11" cstate="print">
          <a:extLst>
            <a:ext uri="{28A0092B-C50C-407E-A947-70E740481C1C}">
              <a14:useLocalDpi xmlns:a14="http://schemas.microsoft.com/office/drawing/2010/main" xmlns="" val="0"/>
            </a:ext>
          </a:extLst>
        </a:blip>
        <a:srcRect/>
        <a:stretch>
          <a:fillRect/>
        </a:stretch>
      </xdr:blipFill>
      <xdr:spPr bwMode="auto">
        <a:xfrm>
          <a:off x="7468642" y="18853426"/>
          <a:ext cx="1109171" cy="2867"/>
        </a:xfrm>
        <a:prstGeom prst="rect">
          <a:avLst/>
        </a:prstGeom>
        <a:noFill/>
        <a:ln>
          <a:noFill/>
        </a:ln>
      </xdr:spPr>
    </xdr:pic>
    <xdr:clientData/>
  </xdr:twoCellAnchor>
  <xdr:twoCellAnchor editAs="oneCell">
    <xdr:from>
      <xdr:col>2</xdr:col>
      <xdr:colOff>237175</xdr:colOff>
      <xdr:row>49</xdr:row>
      <xdr:rowOff>90780</xdr:rowOff>
    </xdr:from>
    <xdr:to>
      <xdr:col>2</xdr:col>
      <xdr:colOff>1134663</xdr:colOff>
      <xdr:row>49</xdr:row>
      <xdr:rowOff>448349</xdr:rowOff>
    </xdr:to>
    <xdr:pic>
      <xdr:nvPicPr>
        <xdr:cNvPr id="59" name="图片 7" descr="\\10.222.64.220\e\01-彩页\01 解码拼控设备\04-ADU86XX系列\UNV ADU8612-E综合显示控制单元 产品彩页 V3.1\ADU8612-E_F1.png">
          <a:extLst>
            <a:ext uri="{FF2B5EF4-FFF2-40B4-BE49-F238E27FC236}">
              <a16:creationId xmlns="" xmlns:a16="http://schemas.microsoft.com/office/drawing/2014/main" id="{DC9EA2B4-75E9-4892-BB4D-EB03ED317996}"/>
            </a:ext>
          </a:extLst>
        </xdr:cNvPr>
        <xdr:cNvPicPr/>
      </xdr:nvPicPr>
      <xdr:blipFill>
        <a:blip xmlns:r="http://schemas.openxmlformats.org/officeDocument/2006/relationships" r:embed="rId12" cstate="email">
          <a:extLst>
            <a:ext uri="{28A0092B-C50C-407E-A947-70E740481C1C}">
              <a14:useLocalDpi xmlns:a14="http://schemas.microsoft.com/office/drawing/2010/main" xmlns=""/>
            </a:ext>
          </a:extLst>
        </a:blip>
        <a:srcRect/>
        <a:stretch>
          <a:fillRect/>
        </a:stretch>
      </xdr:blipFill>
      <xdr:spPr bwMode="auto">
        <a:xfrm>
          <a:off x="2278009" y="15454467"/>
          <a:ext cx="897488" cy="357569"/>
        </a:xfrm>
        <a:prstGeom prst="rect">
          <a:avLst/>
        </a:prstGeom>
        <a:noFill/>
        <a:ln>
          <a:noFill/>
        </a:ln>
      </xdr:spPr>
    </xdr:pic>
    <xdr:clientData/>
  </xdr:twoCellAnchor>
  <xdr:twoCellAnchor editAs="oneCell">
    <xdr:from>
      <xdr:col>2</xdr:col>
      <xdr:colOff>317954</xdr:colOff>
      <xdr:row>42</xdr:row>
      <xdr:rowOff>107907</xdr:rowOff>
    </xdr:from>
    <xdr:to>
      <xdr:col>2</xdr:col>
      <xdr:colOff>1071803</xdr:colOff>
      <xdr:row>42</xdr:row>
      <xdr:rowOff>453478</xdr:rowOff>
    </xdr:to>
    <xdr:pic>
      <xdr:nvPicPr>
        <xdr:cNvPr id="60" name="Picture 5" descr="F:\Groupsystem\快速入门\解码拼控\310XXXXX-20191030-A8系列视频综合平台 快速入门-V1.00-中文\02-DMC8000\3U机箱\DCM8000-3U_F.png">
          <a:extLst>
            <a:ext uri="{FF2B5EF4-FFF2-40B4-BE49-F238E27FC236}">
              <a16:creationId xmlns="" xmlns:a16="http://schemas.microsoft.com/office/drawing/2014/main" id="{B0C0C510-0A57-44E1-AEEC-8F3F8251A8F4}"/>
            </a:ext>
          </a:extLst>
        </xdr:cNvPr>
        <xdr:cNvPicPr>
          <a:picLocks noChangeAspect="1" noChangeArrowheads="1"/>
        </xdr:cNvPicPr>
      </xdr:nvPicPr>
      <xdr:blipFill>
        <a:blip xmlns:r="http://schemas.openxmlformats.org/officeDocument/2006/relationships" r:embed="rId13" cstate="email">
          <a:extLst>
            <a:ext uri="{28A0092B-C50C-407E-A947-70E740481C1C}">
              <a14:useLocalDpi xmlns:a14="http://schemas.microsoft.com/office/drawing/2010/main" xmlns=""/>
            </a:ext>
          </a:extLst>
        </a:blip>
        <a:srcRect/>
        <a:stretch>
          <a:fillRect/>
        </a:stretch>
      </xdr:blipFill>
      <xdr:spPr bwMode="auto">
        <a:xfrm>
          <a:off x="2358788" y="12291073"/>
          <a:ext cx="753849" cy="345571"/>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347570</xdr:colOff>
      <xdr:row>43</xdr:row>
      <xdr:rowOff>59201</xdr:rowOff>
    </xdr:from>
    <xdr:to>
      <xdr:col>2</xdr:col>
      <xdr:colOff>1148275</xdr:colOff>
      <xdr:row>43</xdr:row>
      <xdr:rowOff>511850</xdr:rowOff>
    </xdr:to>
    <xdr:pic>
      <xdr:nvPicPr>
        <xdr:cNvPr id="61" name="Picture 3" descr="F:\Groupsystem\快速入门\解码拼控\310XXXXX-20191030-A8系列视频综合平台 快速入门-V1.00-中文\02-DMC8000\5U机箱\DCM8000-5U_F.png">
          <a:extLst>
            <a:ext uri="{FF2B5EF4-FFF2-40B4-BE49-F238E27FC236}">
              <a16:creationId xmlns="" xmlns:a16="http://schemas.microsoft.com/office/drawing/2014/main" id="{D5F0DE7C-E2F0-4E48-9DBC-ADCA2CDEC956}"/>
            </a:ext>
          </a:extLst>
        </xdr:cNvPr>
        <xdr:cNvPicPr>
          <a:picLocks noChangeAspect="1" noChangeArrowheads="1"/>
        </xdr:cNvPicPr>
      </xdr:nvPicPr>
      <xdr:blipFill>
        <a:blip xmlns:r="http://schemas.openxmlformats.org/officeDocument/2006/relationships" r:embed="rId14" cstate="email">
          <a:extLst>
            <a:ext uri="{28A0092B-C50C-407E-A947-70E740481C1C}">
              <a14:useLocalDpi xmlns:a14="http://schemas.microsoft.com/office/drawing/2010/main" xmlns=""/>
            </a:ext>
          </a:extLst>
        </a:blip>
        <a:srcRect/>
        <a:stretch>
          <a:fillRect/>
        </a:stretch>
      </xdr:blipFill>
      <xdr:spPr bwMode="auto">
        <a:xfrm>
          <a:off x="2388404" y="12878471"/>
          <a:ext cx="800705" cy="452649"/>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2</xdr:col>
      <xdr:colOff>180655</xdr:colOff>
      <xdr:row>44</xdr:row>
      <xdr:rowOff>141227</xdr:rowOff>
    </xdr:from>
    <xdr:to>
      <xdr:col>2</xdr:col>
      <xdr:colOff>1278405</xdr:colOff>
      <xdr:row>44</xdr:row>
      <xdr:rowOff>277733</xdr:rowOff>
    </xdr:to>
    <xdr:pic>
      <xdr:nvPicPr>
        <xdr:cNvPr id="62" name="图片 11">
          <a:extLst>
            <a:ext uri="{FF2B5EF4-FFF2-40B4-BE49-F238E27FC236}">
              <a16:creationId xmlns="" xmlns:a16="http://schemas.microsoft.com/office/drawing/2014/main" id="{22E8402C-2D44-4D96-9152-AE057F37C08D}"/>
            </a:ext>
          </a:extLst>
        </xdr:cNvPr>
        <xdr:cNvPicPr>
          <a:picLocks noChangeAspect="1"/>
        </xdr:cNvPicPr>
      </xdr:nvPicPr>
      <xdr:blipFill>
        <a:blip xmlns:r="http://schemas.openxmlformats.org/officeDocument/2006/relationships" r:embed="rId15" cstate="email">
          <a:extLst>
            <a:ext uri="{28A0092B-C50C-407E-A947-70E740481C1C}">
              <a14:useLocalDpi xmlns:a14="http://schemas.microsoft.com/office/drawing/2010/main" xmlns=""/>
            </a:ext>
          </a:extLst>
        </a:blip>
        <a:stretch>
          <a:fillRect/>
        </a:stretch>
      </xdr:blipFill>
      <xdr:spPr>
        <a:xfrm>
          <a:off x="2221489" y="13534757"/>
          <a:ext cx="1097750" cy="136506"/>
        </a:xfrm>
        <a:prstGeom prst="rect">
          <a:avLst/>
        </a:prstGeom>
      </xdr:spPr>
    </xdr:pic>
    <xdr:clientData/>
  </xdr:twoCellAnchor>
  <xdr:twoCellAnchor editAs="oneCell">
    <xdr:from>
      <xdr:col>2</xdr:col>
      <xdr:colOff>193217</xdr:colOff>
      <xdr:row>45</xdr:row>
      <xdr:rowOff>150206</xdr:rowOff>
    </xdr:from>
    <xdr:to>
      <xdr:col>2</xdr:col>
      <xdr:colOff>1302377</xdr:colOff>
      <xdr:row>45</xdr:row>
      <xdr:rowOff>286713</xdr:rowOff>
    </xdr:to>
    <xdr:pic>
      <xdr:nvPicPr>
        <xdr:cNvPr id="63" name="图片 12">
          <a:extLst>
            <a:ext uri="{FF2B5EF4-FFF2-40B4-BE49-F238E27FC236}">
              <a16:creationId xmlns="" xmlns:a16="http://schemas.microsoft.com/office/drawing/2014/main" id="{70BCA4B0-0414-414E-A5F6-9437ABBBB396}"/>
            </a:ext>
          </a:extLst>
        </xdr:cNvPr>
        <xdr:cNvPicPr>
          <a:picLocks noChangeAspect="1"/>
        </xdr:cNvPicPr>
      </xdr:nvPicPr>
      <xdr:blipFill>
        <a:blip xmlns:r="http://schemas.openxmlformats.org/officeDocument/2006/relationships" r:embed="rId16" cstate="email">
          <a:extLst>
            <a:ext uri="{28A0092B-C50C-407E-A947-70E740481C1C}">
              <a14:useLocalDpi xmlns:a14="http://schemas.microsoft.com/office/drawing/2010/main" xmlns=""/>
            </a:ext>
          </a:extLst>
        </a:blip>
        <a:stretch>
          <a:fillRect/>
        </a:stretch>
      </xdr:blipFill>
      <xdr:spPr>
        <a:xfrm>
          <a:off x="2234051" y="13976640"/>
          <a:ext cx="1109160" cy="136507"/>
        </a:xfrm>
        <a:prstGeom prst="rect">
          <a:avLst/>
        </a:prstGeom>
      </xdr:spPr>
    </xdr:pic>
    <xdr:clientData/>
  </xdr:twoCellAnchor>
  <xdr:twoCellAnchor editAs="oneCell">
    <xdr:from>
      <xdr:col>2</xdr:col>
      <xdr:colOff>245815</xdr:colOff>
      <xdr:row>47</xdr:row>
      <xdr:rowOff>141943</xdr:rowOff>
    </xdr:from>
    <xdr:to>
      <xdr:col>2</xdr:col>
      <xdr:colOff>1283393</xdr:colOff>
      <xdr:row>47</xdr:row>
      <xdr:rowOff>317501</xdr:rowOff>
    </xdr:to>
    <xdr:pic>
      <xdr:nvPicPr>
        <xdr:cNvPr id="64" name="图片 13">
          <a:extLst>
            <a:ext uri="{FF2B5EF4-FFF2-40B4-BE49-F238E27FC236}">
              <a16:creationId xmlns="" xmlns:a16="http://schemas.microsoft.com/office/drawing/2014/main" id="{84BBA7F3-B0C9-4001-A04C-A082F0D0154F}"/>
            </a:ext>
          </a:extLst>
        </xdr:cNvPr>
        <xdr:cNvPicPr>
          <a:picLocks noChangeAspect="1"/>
        </xdr:cNvPicPr>
      </xdr:nvPicPr>
      <xdr:blipFill>
        <a:blip xmlns:r="http://schemas.openxmlformats.org/officeDocument/2006/relationships" r:embed="rId17" cstate="email">
          <a:extLst>
            <a:ext uri="{28A0092B-C50C-407E-A947-70E740481C1C}">
              <a14:useLocalDpi xmlns:a14="http://schemas.microsoft.com/office/drawing/2010/main" xmlns=""/>
            </a:ext>
          </a:extLst>
        </a:blip>
        <a:stretch>
          <a:fillRect/>
        </a:stretch>
      </xdr:blipFill>
      <xdr:spPr>
        <a:xfrm>
          <a:off x="2286649" y="14701665"/>
          <a:ext cx="1037578" cy="175558"/>
        </a:xfrm>
        <a:prstGeom prst="rect">
          <a:avLst/>
        </a:prstGeom>
      </xdr:spPr>
    </xdr:pic>
    <xdr:clientData/>
  </xdr:twoCellAnchor>
  <xdr:twoCellAnchor editAs="oneCell">
    <xdr:from>
      <xdr:col>2</xdr:col>
      <xdr:colOff>207594</xdr:colOff>
      <xdr:row>46</xdr:row>
      <xdr:rowOff>65275</xdr:rowOff>
    </xdr:from>
    <xdr:to>
      <xdr:col>2</xdr:col>
      <xdr:colOff>1297824</xdr:colOff>
      <xdr:row>46</xdr:row>
      <xdr:rowOff>241172</xdr:rowOff>
    </xdr:to>
    <xdr:pic>
      <xdr:nvPicPr>
        <xdr:cNvPr id="65" name="图片 14">
          <a:extLst>
            <a:ext uri="{FF2B5EF4-FFF2-40B4-BE49-F238E27FC236}">
              <a16:creationId xmlns="" xmlns:a16="http://schemas.microsoft.com/office/drawing/2014/main" id="{0BDE3C86-3B21-4F5F-9298-C1510C682BBE}"/>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xmlns=""/>
            </a:ext>
          </a:extLst>
        </a:blip>
        <a:stretch>
          <a:fillRect/>
        </a:stretch>
      </xdr:blipFill>
      <xdr:spPr>
        <a:xfrm>
          <a:off x="2248428" y="14306945"/>
          <a:ext cx="1090230" cy="175897"/>
        </a:xfrm>
        <a:prstGeom prst="rect">
          <a:avLst/>
        </a:prstGeom>
      </xdr:spPr>
    </xdr:pic>
    <xdr:clientData/>
  </xdr:twoCellAnchor>
  <xdr:twoCellAnchor editAs="oneCell">
    <xdr:from>
      <xdr:col>2</xdr:col>
      <xdr:colOff>281697</xdr:colOff>
      <xdr:row>48</xdr:row>
      <xdr:rowOff>121418</xdr:rowOff>
    </xdr:from>
    <xdr:to>
      <xdr:col>2</xdr:col>
      <xdr:colOff>1209067</xdr:colOff>
      <xdr:row>48</xdr:row>
      <xdr:rowOff>278885</xdr:rowOff>
    </xdr:to>
    <xdr:pic>
      <xdr:nvPicPr>
        <xdr:cNvPr id="66" name="图片 15">
          <a:extLst>
            <a:ext uri="{FF2B5EF4-FFF2-40B4-BE49-F238E27FC236}">
              <a16:creationId xmlns="" xmlns:a16="http://schemas.microsoft.com/office/drawing/2014/main" id="{692E70BA-EC67-44CC-82D6-9E5CA7B1352B}"/>
            </a:ext>
          </a:extLst>
        </xdr:cNvPr>
        <xdr:cNvPicPr>
          <a:picLocks noChangeAspect="1"/>
        </xdr:cNvPicPr>
      </xdr:nvPicPr>
      <xdr:blipFill>
        <a:blip xmlns:r="http://schemas.openxmlformats.org/officeDocument/2006/relationships" r:embed="rId19" cstate="email">
          <a:extLst>
            <a:ext uri="{28A0092B-C50C-407E-A947-70E740481C1C}">
              <a14:useLocalDpi xmlns:a14="http://schemas.microsoft.com/office/drawing/2010/main" xmlns=""/>
            </a:ext>
          </a:extLst>
        </a:blip>
        <a:stretch>
          <a:fillRect/>
        </a:stretch>
      </xdr:blipFill>
      <xdr:spPr>
        <a:xfrm>
          <a:off x="2322531" y="15122879"/>
          <a:ext cx="927370" cy="157467"/>
        </a:xfrm>
        <a:prstGeom prst="rect">
          <a:avLst/>
        </a:prstGeom>
      </xdr:spPr>
    </xdr:pic>
    <xdr:clientData/>
  </xdr:twoCellAnchor>
  <xdr:twoCellAnchor editAs="oneCell">
    <xdr:from>
      <xdr:col>2</xdr:col>
      <xdr:colOff>13779</xdr:colOff>
      <xdr:row>51</xdr:row>
      <xdr:rowOff>134552</xdr:rowOff>
    </xdr:from>
    <xdr:to>
      <xdr:col>3</xdr:col>
      <xdr:colOff>7055</xdr:colOff>
      <xdr:row>51</xdr:row>
      <xdr:rowOff>402165</xdr:rowOff>
    </xdr:to>
    <xdr:pic>
      <xdr:nvPicPr>
        <xdr:cNvPr id="44" name="图片 21" descr="F:\Groupsystem\产品原图\ADU8712-E素材\IMG_0460.png">
          <a:extLst>
            <a:ext uri="{FF2B5EF4-FFF2-40B4-BE49-F238E27FC236}">
              <a16:creationId xmlns="" xmlns:a16="http://schemas.microsoft.com/office/drawing/2014/main" id="{2C698DF2-EA45-49F4-AE6C-1EF6AB9D7534}"/>
            </a:ext>
          </a:extLst>
        </xdr:cNvPr>
        <xdr:cNvPicPr/>
      </xdr:nvPicPr>
      <xdr:blipFill rotWithShape="1">
        <a:blip xmlns:r="http://schemas.openxmlformats.org/officeDocument/2006/relationships" r:embed="rId20" cstate="screen">
          <a:extLst>
            <a:ext uri="{28A0092B-C50C-407E-A947-70E740481C1C}">
              <a14:useLocalDpi xmlns:a14="http://schemas.microsoft.com/office/drawing/2010/main" xmlns=""/>
            </a:ext>
          </a:extLst>
        </a:blip>
        <a:srcRect/>
        <a:stretch/>
      </xdr:blipFill>
      <xdr:spPr bwMode="auto">
        <a:xfrm>
          <a:off x="2054613" y="16611422"/>
          <a:ext cx="1530529" cy="267613"/>
        </a:xfrm>
        <a:prstGeom prst="rect">
          <a:avLst/>
        </a:prstGeom>
        <a:noFill/>
        <a:ln>
          <a:noFill/>
        </a:ln>
        <a:extLst>
          <a:ext uri="{53640926-AAD7-44D8-BBD7-CCE9431645EC}">
            <a14:shadowObscured xmlns:a14="http://schemas.microsoft.com/office/drawing/2010/main" xmlns=""/>
          </a:ext>
        </a:extLst>
      </xdr:spPr>
    </xdr:pic>
    <xdr:clientData/>
  </xdr:twoCellAnchor>
  <xdr:twoCellAnchor editAs="oneCell">
    <xdr:from>
      <xdr:col>2</xdr:col>
      <xdr:colOff>20503</xdr:colOff>
      <xdr:row>52</xdr:row>
      <xdr:rowOff>158292</xdr:rowOff>
    </xdr:from>
    <xdr:to>
      <xdr:col>3</xdr:col>
      <xdr:colOff>14112</xdr:colOff>
      <xdr:row>52</xdr:row>
      <xdr:rowOff>437445</xdr:rowOff>
    </xdr:to>
    <xdr:pic>
      <xdr:nvPicPr>
        <xdr:cNvPr id="45" name="图片 22" descr="F:\Groupsystem\产品原图\ADU8712-E素材\IMG_0460.png">
          <a:extLst>
            <a:ext uri="{FF2B5EF4-FFF2-40B4-BE49-F238E27FC236}">
              <a16:creationId xmlns="" xmlns:a16="http://schemas.microsoft.com/office/drawing/2014/main" id="{DD4C267A-9463-4CB0-AB60-5F80BC09ACE2}"/>
            </a:ext>
          </a:extLst>
        </xdr:cNvPr>
        <xdr:cNvPicPr/>
      </xdr:nvPicPr>
      <xdr:blipFill rotWithShape="1">
        <a:blip xmlns:r="http://schemas.openxmlformats.org/officeDocument/2006/relationships" r:embed="rId21" cstate="screen">
          <a:extLst>
            <a:ext uri="{28A0092B-C50C-407E-A947-70E740481C1C}">
              <a14:useLocalDpi xmlns:a14="http://schemas.microsoft.com/office/drawing/2010/main" xmlns=""/>
            </a:ext>
          </a:extLst>
        </a:blip>
        <a:srcRect/>
        <a:stretch/>
      </xdr:blipFill>
      <xdr:spPr bwMode="auto">
        <a:xfrm>
          <a:off x="2061337" y="17191753"/>
          <a:ext cx="1530862" cy="279153"/>
        </a:xfrm>
        <a:prstGeom prst="rect">
          <a:avLst/>
        </a:prstGeom>
        <a:noFill/>
        <a:ln>
          <a:noFill/>
        </a:ln>
        <a:extLst>
          <a:ext uri="{53640926-AAD7-44D8-BBD7-CCE9431645EC}">
            <a14:shadowObscured xmlns:a14="http://schemas.microsoft.com/office/drawing/2010/main" xmlns=""/>
          </a:ext>
        </a:extLst>
      </xdr:spPr>
    </xdr:pic>
    <xdr:clientData/>
  </xdr:twoCellAnchor>
  <xdr:oneCellAnchor>
    <xdr:from>
      <xdr:col>2</xdr:col>
      <xdr:colOff>119281</xdr:colOff>
      <xdr:row>50</xdr:row>
      <xdr:rowOff>151237</xdr:rowOff>
    </xdr:from>
    <xdr:ext cx="1341220" cy="257985"/>
    <xdr:pic>
      <xdr:nvPicPr>
        <xdr:cNvPr id="48" name="图片 25" descr="F:\Groupsystem\产品原图\ADU8712-E素材\IMG_0460.png">
          <a:extLst>
            <a:ext uri="{FF2B5EF4-FFF2-40B4-BE49-F238E27FC236}">
              <a16:creationId xmlns="" xmlns:a16="http://schemas.microsoft.com/office/drawing/2014/main" id="{C83CFE58-8408-4429-936E-615F430959D6}"/>
            </a:ext>
          </a:extLst>
        </xdr:cNvPr>
        <xdr:cNvPicPr/>
      </xdr:nvPicPr>
      <xdr:blipFill rotWithShape="1">
        <a:blip xmlns:r="http://schemas.openxmlformats.org/officeDocument/2006/relationships" r:embed="rId22" cstate="screen">
          <a:extLst>
            <a:ext uri="{28A0092B-C50C-407E-A947-70E740481C1C}">
              <a14:useLocalDpi xmlns:a14="http://schemas.microsoft.com/office/drawing/2010/main" xmlns=""/>
            </a:ext>
          </a:extLst>
        </a:blip>
        <a:srcRect/>
        <a:stretch/>
      </xdr:blipFill>
      <xdr:spPr bwMode="auto">
        <a:xfrm>
          <a:off x="2160115" y="16071515"/>
          <a:ext cx="1341220" cy="257985"/>
        </a:xfrm>
        <a:prstGeom prst="rect">
          <a:avLst/>
        </a:prstGeom>
        <a:noFill/>
        <a:ln>
          <a:noFill/>
        </a:ln>
        <a:extLst>
          <a:ext uri="{53640926-AAD7-44D8-BBD7-CCE9431645EC}">
            <a14:shadowObscured xmlns:a14="http://schemas.microsoft.com/office/drawing/2010/main" xmlns=""/>
          </a:ext>
        </a:extLst>
      </xdr:spPr>
    </xdr:pic>
    <xdr:clientData/>
  </xdr:oneCellAnchor>
</xdr:wsDr>
</file>

<file path=xl/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8.bin"/><Relationship Id="rId1" Type="http://schemas.openxmlformats.org/officeDocument/2006/relationships/hyperlink" Target="mailto:16*1200W@20/16*4K@30/64*1080P@30/144*720P@30" TargetMode="External"/></Relationships>
</file>

<file path=xl/worksheets/sheet1.xml><?xml version="1.0" encoding="utf-8"?>
<worksheet xmlns="http://schemas.openxmlformats.org/spreadsheetml/2006/main" xmlns:r="http://schemas.openxmlformats.org/officeDocument/2006/relationships">
  <sheetPr>
    <tabColor rgb="FFFF99FF"/>
  </sheetPr>
  <dimension ref="A1:H149"/>
  <sheetViews>
    <sheetView topLeftCell="B1" zoomScaleNormal="100" workbookViewId="0">
      <pane ySplit="1" topLeftCell="A137" activePane="bottomLeft" state="frozen"/>
      <selection activeCell="B40" sqref="B40"/>
      <selection pane="bottomLeft" activeCell="B1" sqref="B1"/>
    </sheetView>
  </sheetViews>
  <sheetFormatPr defaultRowHeight="15"/>
  <cols>
    <col min="1" max="1" width="21.28515625" hidden="1" customWidth="1"/>
    <col min="2" max="2" width="24.7109375" bestFit="1" customWidth="1"/>
    <col min="3" max="3" width="21.85546875" customWidth="1"/>
    <col min="4" max="4" width="33.140625" customWidth="1"/>
    <col min="6" max="6" width="17.7109375" style="554" customWidth="1"/>
    <col min="7" max="7" width="14.85546875" style="554" customWidth="1"/>
    <col min="8" max="8" width="29.85546875" customWidth="1"/>
  </cols>
  <sheetData>
    <row r="1" spans="1:8" ht="38.25">
      <c r="B1" s="563" t="s">
        <v>0</v>
      </c>
      <c r="C1" s="563" t="s">
        <v>1</v>
      </c>
      <c r="D1" s="563" t="s">
        <v>2</v>
      </c>
      <c r="E1" s="568" t="s">
        <v>354</v>
      </c>
      <c r="F1" s="570" t="s">
        <v>136</v>
      </c>
      <c r="G1" s="570" t="s">
        <v>760</v>
      </c>
      <c r="H1" s="572" t="s">
        <v>1930</v>
      </c>
    </row>
    <row r="2" spans="1:8" ht="18.75">
      <c r="A2" s="129" t="s">
        <v>2244</v>
      </c>
      <c r="B2" s="571" t="s">
        <v>2244</v>
      </c>
      <c r="C2" s="585"/>
      <c r="D2" s="585"/>
      <c r="E2" s="585"/>
      <c r="F2" s="598"/>
      <c r="G2" s="598"/>
      <c r="H2" s="585"/>
    </row>
    <row r="3" spans="1:8" ht="20.100000000000001" customHeight="1">
      <c r="B3" s="583" t="s">
        <v>227</v>
      </c>
      <c r="C3" s="583"/>
      <c r="D3" s="583"/>
      <c r="E3" s="583"/>
      <c r="F3" s="587"/>
      <c r="G3" s="587"/>
      <c r="H3" s="583"/>
    </row>
    <row r="4" spans="1:8" s="1" customFormat="1" ht="30" customHeight="1">
      <c r="A4" s="427" t="s">
        <v>546</v>
      </c>
      <c r="B4" s="573" t="s">
        <v>1495</v>
      </c>
      <c r="C4" s="589"/>
      <c r="D4" s="626" t="s">
        <v>700</v>
      </c>
      <c r="E4" s="575">
        <v>6500</v>
      </c>
      <c r="F4" s="567" t="s">
        <v>1736</v>
      </c>
      <c r="G4" s="592"/>
      <c r="H4" s="580" t="s">
        <v>1938</v>
      </c>
    </row>
    <row r="5" spans="1:8" s="1" customFormat="1" ht="30" customHeight="1">
      <c r="A5" s="428" t="s">
        <v>3</v>
      </c>
      <c r="B5" s="573" t="s">
        <v>1496</v>
      </c>
      <c r="C5" s="589"/>
      <c r="D5" s="626"/>
      <c r="E5" s="575">
        <v>6500</v>
      </c>
      <c r="F5" s="567" t="s">
        <v>1736</v>
      </c>
      <c r="G5" s="592"/>
      <c r="H5" s="580" t="s">
        <v>1939</v>
      </c>
    </row>
    <row r="6" spans="1:8" s="1" customFormat="1" ht="30" customHeight="1">
      <c r="A6" s="428" t="s">
        <v>4</v>
      </c>
      <c r="B6" s="595" t="s">
        <v>1497</v>
      </c>
      <c r="C6" s="589"/>
      <c r="D6" s="626"/>
      <c r="E6" s="575">
        <v>6500</v>
      </c>
      <c r="F6" s="567" t="s">
        <v>1736</v>
      </c>
      <c r="G6" s="592"/>
      <c r="H6" s="567"/>
    </row>
    <row r="7" spans="1:8" s="33" customFormat="1" ht="30" customHeight="1">
      <c r="A7" s="431" t="s">
        <v>547</v>
      </c>
      <c r="B7" s="573" t="s">
        <v>1502</v>
      </c>
      <c r="C7" s="589"/>
      <c r="D7" s="626" t="s">
        <v>699</v>
      </c>
      <c r="E7" s="575">
        <v>8400</v>
      </c>
      <c r="F7" s="567" t="s">
        <v>1736</v>
      </c>
      <c r="G7" s="592"/>
      <c r="H7" s="580" t="s">
        <v>2142</v>
      </c>
    </row>
    <row r="8" spans="1:8" s="33" customFormat="1" ht="30" customHeight="1">
      <c r="A8" s="564" t="s">
        <v>5</v>
      </c>
      <c r="B8" s="573" t="s">
        <v>1503</v>
      </c>
      <c r="C8" s="589"/>
      <c r="D8" s="626"/>
      <c r="E8" s="575">
        <v>8400</v>
      </c>
      <c r="F8" s="567" t="s">
        <v>1736</v>
      </c>
      <c r="G8" s="592"/>
      <c r="H8" s="580" t="s">
        <v>2143</v>
      </c>
    </row>
    <row r="9" spans="1:8" s="33" customFormat="1" ht="30" customHeight="1">
      <c r="A9" s="564" t="s">
        <v>6</v>
      </c>
      <c r="B9" s="573" t="s">
        <v>1504</v>
      </c>
      <c r="C9" s="589"/>
      <c r="D9" s="626"/>
      <c r="E9" s="575">
        <v>8400</v>
      </c>
      <c r="F9" s="567" t="s">
        <v>1736</v>
      </c>
      <c r="G9" s="592"/>
      <c r="H9" s="567"/>
    </row>
    <row r="10" spans="1:8" s="33" customFormat="1" ht="30" customHeight="1">
      <c r="A10" s="108" t="s">
        <v>240</v>
      </c>
      <c r="B10" s="573" t="s">
        <v>1505</v>
      </c>
      <c r="C10" s="582"/>
      <c r="D10" s="593" t="s">
        <v>414</v>
      </c>
      <c r="E10" s="575">
        <v>13000</v>
      </c>
      <c r="F10" s="567" t="s">
        <v>1736</v>
      </c>
      <c r="G10" s="592"/>
      <c r="H10" s="567"/>
    </row>
    <row r="11" spans="1:8" s="33" customFormat="1" ht="30" customHeight="1">
      <c r="A11" s="149" t="s">
        <v>350</v>
      </c>
      <c r="B11" s="573" t="s">
        <v>1506</v>
      </c>
      <c r="C11" s="582"/>
      <c r="D11" s="593" t="s">
        <v>415</v>
      </c>
      <c r="E11" s="575">
        <v>13000</v>
      </c>
      <c r="F11" s="567" t="s">
        <v>1736</v>
      </c>
      <c r="G11" s="592"/>
      <c r="H11" s="567"/>
    </row>
    <row r="12" spans="1:8" s="33" customFormat="1" ht="30" customHeight="1">
      <c r="A12" s="149" t="s">
        <v>1857</v>
      </c>
      <c r="B12" s="595" t="s">
        <v>1859</v>
      </c>
      <c r="C12" s="594" t="s">
        <v>1856</v>
      </c>
      <c r="D12" s="627" t="s">
        <v>1866</v>
      </c>
      <c r="E12" s="575">
        <v>9100</v>
      </c>
      <c r="F12" s="567" t="s">
        <v>1970</v>
      </c>
      <c r="G12" s="567" t="s">
        <v>1935</v>
      </c>
      <c r="H12" s="567"/>
    </row>
    <row r="13" spans="1:8" s="33" customFormat="1" ht="30" customHeight="1">
      <c r="A13" s="149" t="s">
        <v>1858</v>
      </c>
      <c r="B13" s="595" t="s">
        <v>1860</v>
      </c>
      <c r="C13" s="585"/>
      <c r="D13" s="627"/>
      <c r="E13" s="575">
        <v>9100</v>
      </c>
      <c r="F13" s="567" t="s">
        <v>1970</v>
      </c>
      <c r="G13" s="567" t="s">
        <v>1935</v>
      </c>
      <c r="H13" s="567"/>
    </row>
    <row r="14" spans="1:8" s="33" customFormat="1" ht="30" customHeight="1">
      <c r="A14" s="149" t="s">
        <v>647</v>
      </c>
      <c r="B14" s="595" t="s">
        <v>1498</v>
      </c>
      <c r="C14" s="594" t="s">
        <v>649</v>
      </c>
      <c r="D14" s="627" t="s">
        <v>1850</v>
      </c>
      <c r="E14" s="575">
        <v>7900</v>
      </c>
      <c r="F14" s="567" t="s">
        <v>1970</v>
      </c>
      <c r="G14" s="567" t="s">
        <v>1935</v>
      </c>
      <c r="H14" s="580" t="s">
        <v>1495</v>
      </c>
    </row>
    <row r="15" spans="1:8" s="33" customFormat="1" ht="30" customHeight="1">
      <c r="A15" s="149" t="s">
        <v>648</v>
      </c>
      <c r="B15" s="573" t="s">
        <v>1499</v>
      </c>
      <c r="C15" s="582"/>
      <c r="D15" s="627"/>
      <c r="E15" s="575">
        <v>7900</v>
      </c>
      <c r="F15" s="567" t="s">
        <v>1970</v>
      </c>
      <c r="G15" s="567" t="s">
        <v>1935</v>
      </c>
      <c r="H15" s="580" t="s">
        <v>1496</v>
      </c>
    </row>
    <row r="16" spans="1:8" s="33" customFormat="1" ht="30" customHeight="1">
      <c r="A16" s="149" t="s">
        <v>2001</v>
      </c>
      <c r="B16" s="604" t="s">
        <v>2004</v>
      </c>
      <c r="C16" s="605"/>
      <c r="D16" s="627" t="s">
        <v>2017</v>
      </c>
      <c r="E16" s="575">
        <v>7700</v>
      </c>
      <c r="F16" s="567" t="s">
        <v>1970</v>
      </c>
      <c r="G16" s="567" t="s">
        <v>1935</v>
      </c>
      <c r="H16" s="567"/>
    </row>
    <row r="17" spans="1:8" s="33" customFormat="1" ht="30" customHeight="1">
      <c r="A17" s="149" t="s">
        <v>2002</v>
      </c>
      <c r="B17" s="604" t="s">
        <v>2003</v>
      </c>
      <c r="C17" s="589"/>
      <c r="D17" s="627"/>
      <c r="E17" s="575">
        <v>7700</v>
      </c>
      <c r="F17" s="567" t="s">
        <v>1970</v>
      </c>
      <c r="G17" s="567" t="s">
        <v>1935</v>
      </c>
      <c r="H17" s="567"/>
    </row>
    <row r="18" spans="1:8" s="33" customFormat="1" ht="30" customHeight="1">
      <c r="A18" s="149" t="s">
        <v>1861</v>
      </c>
      <c r="B18" s="595" t="s">
        <v>1863</v>
      </c>
      <c r="C18" s="585"/>
      <c r="D18" s="627" t="s">
        <v>1865</v>
      </c>
      <c r="E18" s="575">
        <v>7900</v>
      </c>
      <c r="F18" s="567" t="s">
        <v>1970</v>
      </c>
      <c r="G18" s="567" t="s">
        <v>1935</v>
      </c>
      <c r="H18" s="567" t="s">
        <v>1940</v>
      </c>
    </row>
    <row r="19" spans="1:8" s="33" customFormat="1" ht="30" customHeight="1">
      <c r="A19" s="149" t="s">
        <v>1862</v>
      </c>
      <c r="B19" s="595" t="s">
        <v>1864</v>
      </c>
      <c r="C19" s="582"/>
      <c r="D19" s="627"/>
      <c r="E19" s="575">
        <v>7900</v>
      </c>
      <c r="F19" s="567" t="s">
        <v>1970</v>
      </c>
      <c r="G19" s="567" t="s">
        <v>1935</v>
      </c>
      <c r="H19" s="567" t="s">
        <v>1941</v>
      </c>
    </row>
    <row r="20" spans="1:8" s="33" customFormat="1" ht="30" customHeight="1">
      <c r="A20" s="149" t="s">
        <v>1447</v>
      </c>
      <c r="B20" s="573" t="s">
        <v>1500</v>
      </c>
      <c r="C20" s="594" t="s">
        <v>649</v>
      </c>
      <c r="D20" s="627" t="s">
        <v>1449</v>
      </c>
      <c r="E20" s="575">
        <v>10100</v>
      </c>
      <c r="F20" s="567" t="s">
        <v>1970</v>
      </c>
      <c r="G20" s="567" t="s">
        <v>1935</v>
      </c>
      <c r="H20" s="567" t="s">
        <v>1502</v>
      </c>
    </row>
    <row r="21" spans="1:8" s="33" customFormat="1" ht="30" customHeight="1">
      <c r="A21" s="149" t="s">
        <v>1448</v>
      </c>
      <c r="B21" s="573" t="s">
        <v>1501</v>
      </c>
      <c r="C21" s="582"/>
      <c r="D21" s="627"/>
      <c r="E21" s="575">
        <v>10100</v>
      </c>
      <c r="F21" s="567" t="s">
        <v>1970</v>
      </c>
      <c r="G21" s="567" t="s">
        <v>1935</v>
      </c>
      <c r="H21" s="567" t="s">
        <v>1503</v>
      </c>
    </row>
    <row r="22" spans="1:8" ht="30" customHeight="1">
      <c r="B22" s="583" t="s">
        <v>228</v>
      </c>
      <c r="C22" s="583"/>
      <c r="D22" s="583"/>
      <c r="E22" s="583"/>
      <c r="F22" s="587"/>
      <c r="G22" s="587"/>
      <c r="H22" s="583"/>
    </row>
    <row r="23" spans="1:8" s="33" customFormat="1" ht="30" customHeight="1">
      <c r="A23" s="600" t="s">
        <v>7</v>
      </c>
      <c r="B23" s="573" t="s">
        <v>1509</v>
      </c>
      <c r="C23" s="582"/>
      <c r="D23" s="628" t="s">
        <v>701</v>
      </c>
      <c r="E23" s="575">
        <v>6700</v>
      </c>
      <c r="F23" s="567" t="s">
        <v>1736</v>
      </c>
      <c r="G23" s="592"/>
      <c r="H23" s="567" t="s">
        <v>2015</v>
      </c>
    </row>
    <row r="24" spans="1:8" s="33" customFormat="1" ht="30" customHeight="1">
      <c r="A24" s="108" t="s">
        <v>8</v>
      </c>
      <c r="B24" s="573" t="s">
        <v>1510</v>
      </c>
      <c r="C24" s="582"/>
      <c r="D24" s="629"/>
      <c r="E24" s="575">
        <v>6700</v>
      </c>
      <c r="F24" s="567" t="s">
        <v>1736</v>
      </c>
      <c r="G24" s="592"/>
      <c r="H24" s="567" t="s">
        <v>2016</v>
      </c>
    </row>
    <row r="25" spans="1:8" s="33" customFormat="1" ht="30" customHeight="1">
      <c r="A25" s="600" t="s">
        <v>9</v>
      </c>
      <c r="B25" s="573" t="s">
        <v>1513</v>
      </c>
      <c r="C25" s="582"/>
      <c r="D25" s="628" t="s">
        <v>703</v>
      </c>
      <c r="E25" s="575">
        <v>8700</v>
      </c>
      <c r="F25" s="567" t="s">
        <v>1736</v>
      </c>
      <c r="G25" s="592"/>
      <c r="H25" s="567" t="s">
        <v>1953</v>
      </c>
    </row>
    <row r="26" spans="1:8" s="33" customFormat="1" ht="30" customHeight="1">
      <c r="A26" s="600" t="s">
        <v>10</v>
      </c>
      <c r="B26" s="573" t="s">
        <v>1514</v>
      </c>
      <c r="C26" s="582"/>
      <c r="D26" s="628"/>
      <c r="E26" s="575">
        <v>8700</v>
      </c>
      <c r="F26" s="567" t="s">
        <v>1736</v>
      </c>
      <c r="G26" s="592"/>
      <c r="H26" s="567" t="s">
        <v>1952</v>
      </c>
    </row>
    <row r="27" spans="1:8" s="33" customFormat="1" ht="30" customHeight="1">
      <c r="A27" s="600" t="s">
        <v>331</v>
      </c>
      <c r="B27" s="573" t="s">
        <v>1515</v>
      </c>
      <c r="C27" s="582"/>
      <c r="D27" s="593" t="s">
        <v>349</v>
      </c>
      <c r="E27" s="575">
        <v>13200</v>
      </c>
      <c r="F27" s="567" t="s">
        <v>1736</v>
      </c>
      <c r="G27" s="592"/>
      <c r="H27" s="567"/>
    </row>
    <row r="28" spans="1:8" s="33" customFormat="1" ht="30" customHeight="1">
      <c r="A28" s="600" t="s">
        <v>241</v>
      </c>
      <c r="B28" s="573" t="s">
        <v>1516</v>
      </c>
      <c r="C28" s="582"/>
      <c r="D28" s="593" t="s">
        <v>516</v>
      </c>
      <c r="E28" s="575">
        <v>13200</v>
      </c>
      <c r="F28" s="567" t="s">
        <v>1736</v>
      </c>
      <c r="G28" s="592"/>
      <c r="H28" s="567"/>
    </row>
    <row r="29" spans="1:8" s="33" customFormat="1" ht="30" customHeight="1">
      <c r="A29" s="600" t="s">
        <v>2009</v>
      </c>
      <c r="B29" s="595" t="s">
        <v>2011</v>
      </c>
      <c r="C29" s="594"/>
      <c r="D29" s="627" t="s">
        <v>2018</v>
      </c>
      <c r="E29" s="575">
        <v>7700</v>
      </c>
      <c r="F29" s="567" t="s">
        <v>1970</v>
      </c>
      <c r="G29" s="567" t="s">
        <v>1935</v>
      </c>
      <c r="H29" s="567"/>
    </row>
    <row r="30" spans="1:8" s="33" customFormat="1" ht="30" customHeight="1">
      <c r="A30" s="600" t="s">
        <v>2010</v>
      </c>
      <c r="B30" s="595" t="s">
        <v>2012</v>
      </c>
      <c r="C30" s="582"/>
      <c r="D30" s="627"/>
      <c r="E30" s="575">
        <v>7700</v>
      </c>
      <c r="F30" s="567" t="s">
        <v>1970</v>
      </c>
      <c r="G30" s="567" t="s">
        <v>1935</v>
      </c>
      <c r="H30" s="567"/>
    </row>
    <row r="31" spans="1:8" s="33" customFormat="1" ht="30" customHeight="1">
      <c r="A31" s="600" t="s">
        <v>650</v>
      </c>
      <c r="B31" s="573" t="s">
        <v>1511</v>
      </c>
      <c r="C31" s="594" t="s">
        <v>649</v>
      </c>
      <c r="D31" s="627" t="s">
        <v>702</v>
      </c>
      <c r="E31" s="575">
        <v>8200</v>
      </c>
      <c r="F31" s="567" t="s">
        <v>1970</v>
      </c>
      <c r="G31" s="567" t="s">
        <v>1935</v>
      </c>
      <c r="H31" s="567" t="s">
        <v>1509</v>
      </c>
    </row>
    <row r="32" spans="1:8" s="33" customFormat="1" ht="30" customHeight="1">
      <c r="A32" s="600" t="s">
        <v>651</v>
      </c>
      <c r="B32" s="595" t="s">
        <v>1512</v>
      </c>
      <c r="C32" s="582"/>
      <c r="D32" s="627"/>
      <c r="E32" s="575">
        <v>8200</v>
      </c>
      <c r="F32" s="567" t="s">
        <v>1970</v>
      </c>
      <c r="G32" s="567" t="s">
        <v>1935</v>
      </c>
      <c r="H32" s="567" t="s">
        <v>1510</v>
      </c>
    </row>
    <row r="33" spans="1:8" s="33" customFormat="1" ht="30" customHeight="1">
      <c r="A33" s="600" t="s">
        <v>1926</v>
      </c>
      <c r="B33" s="595" t="s">
        <v>1942</v>
      </c>
      <c r="C33" s="594" t="s">
        <v>649</v>
      </c>
      <c r="D33" s="626" t="s">
        <v>2020</v>
      </c>
      <c r="E33" s="575">
        <v>9600</v>
      </c>
      <c r="F33" s="567" t="s">
        <v>1970</v>
      </c>
      <c r="G33" s="567" t="s">
        <v>1935</v>
      </c>
      <c r="H33" s="567" t="s">
        <v>1931</v>
      </c>
    </row>
    <row r="34" spans="1:8" s="33" customFormat="1" ht="30" customHeight="1">
      <c r="A34" s="600" t="s">
        <v>1927</v>
      </c>
      <c r="B34" s="595" t="s">
        <v>1943</v>
      </c>
      <c r="C34" s="582"/>
      <c r="D34" s="626"/>
      <c r="E34" s="575">
        <v>9600</v>
      </c>
      <c r="F34" s="567" t="s">
        <v>1970</v>
      </c>
      <c r="G34" s="567" t="s">
        <v>1935</v>
      </c>
      <c r="H34" s="567" t="s">
        <v>1932</v>
      </c>
    </row>
    <row r="35" spans="1:8" s="33" customFormat="1" ht="30" customHeight="1">
      <c r="A35" s="600" t="s">
        <v>11</v>
      </c>
      <c r="B35" s="573" t="s">
        <v>1519</v>
      </c>
      <c r="C35" s="582"/>
      <c r="D35" s="628" t="s">
        <v>704</v>
      </c>
      <c r="E35" s="575">
        <v>6500</v>
      </c>
      <c r="F35" s="567" t="s">
        <v>1736</v>
      </c>
      <c r="G35" s="592"/>
      <c r="H35" s="567" t="s">
        <v>1964</v>
      </c>
    </row>
    <row r="36" spans="1:8" s="33" customFormat="1" ht="30" customHeight="1">
      <c r="A36" s="600" t="s">
        <v>12</v>
      </c>
      <c r="B36" s="573" t="s">
        <v>1520</v>
      </c>
      <c r="C36" s="582"/>
      <c r="D36" s="629"/>
      <c r="E36" s="575">
        <v>6500</v>
      </c>
      <c r="F36" s="567" t="s">
        <v>1736</v>
      </c>
      <c r="G36" s="592"/>
      <c r="H36" s="567" t="s">
        <v>1965</v>
      </c>
    </row>
    <row r="37" spans="1:8" s="33" customFormat="1" ht="30" customHeight="1">
      <c r="A37" s="600" t="s">
        <v>13</v>
      </c>
      <c r="B37" s="573" t="s">
        <v>1523</v>
      </c>
      <c r="C37" s="582"/>
      <c r="D37" s="628" t="s">
        <v>705</v>
      </c>
      <c r="E37" s="575">
        <v>8400</v>
      </c>
      <c r="F37" s="567" t="s">
        <v>1736</v>
      </c>
      <c r="G37" s="592"/>
      <c r="H37" s="567" t="s">
        <v>1944</v>
      </c>
    </row>
    <row r="38" spans="1:8" s="1" customFormat="1" ht="30" customHeight="1">
      <c r="A38" s="600" t="s">
        <v>14</v>
      </c>
      <c r="B38" s="573" t="s">
        <v>1524</v>
      </c>
      <c r="C38" s="582"/>
      <c r="D38" s="628"/>
      <c r="E38" s="575">
        <v>8400</v>
      </c>
      <c r="F38" s="567" t="s">
        <v>1736</v>
      </c>
      <c r="G38" s="592"/>
      <c r="H38" s="567" t="s">
        <v>1945</v>
      </c>
    </row>
    <row r="39" spans="1:8" s="33" customFormat="1" ht="30" customHeight="1">
      <c r="A39" s="149" t="s">
        <v>242</v>
      </c>
      <c r="B39" s="573" t="s">
        <v>1525</v>
      </c>
      <c r="C39" s="582"/>
      <c r="D39" s="593" t="s">
        <v>416</v>
      </c>
      <c r="E39" s="575">
        <v>13000</v>
      </c>
      <c r="F39" s="567" t="s">
        <v>1736</v>
      </c>
      <c r="G39" s="592"/>
      <c r="H39" s="567"/>
    </row>
    <row r="40" spans="1:8" s="33" customFormat="1" ht="30" customHeight="1">
      <c r="A40" s="149" t="s">
        <v>332</v>
      </c>
      <c r="B40" s="573" t="s">
        <v>1526</v>
      </c>
      <c r="C40" s="582"/>
      <c r="D40" s="593" t="s">
        <v>417</v>
      </c>
      <c r="E40" s="575">
        <v>13000</v>
      </c>
      <c r="F40" s="567" t="s">
        <v>1736</v>
      </c>
      <c r="G40" s="592"/>
      <c r="H40" s="567"/>
    </row>
    <row r="41" spans="1:8" s="33" customFormat="1" ht="30" customHeight="1">
      <c r="A41" s="149" t="s">
        <v>652</v>
      </c>
      <c r="B41" s="573" t="s">
        <v>1521</v>
      </c>
      <c r="C41" s="594" t="s">
        <v>649</v>
      </c>
      <c r="D41" s="627" t="s">
        <v>1575</v>
      </c>
      <c r="E41" s="575">
        <v>7900</v>
      </c>
      <c r="F41" s="567" t="s">
        <v>1970</v>
      </c>
      <c r="G41" s="567" t="s">
        <v>1935</v>
      </c>
      <c r="H41" s="567" t="s">
        <v>1519</v>
      </c>
    </row>
    <row r="42" spans="1:8" s="33" customFormat="1" ht="30" customHeight="1">
      <c r="A42" s="149" t="s">
        <v>653</v>
      </c>
      <c r="B42" s="595" t="s">
        <v>1522</v>
      </c>
      <c r="C42" s="582"/>
      <c r="D42" s="627"/>
      <c r="E42" s="575">
        <v>7900</v>
      </c>
      <c r="F42" s="567" t="s">
        <v>1970</v>
      </c>
      <c r="G42" s="567" t="s">
        <v>1935</v>
      </c>
      <c r="H42" s="567" t="s">
        <v>1520</v>
      </c>
    </row>
    <row r="43" spans="1:8" s="33" customFormat="1" ht="30" customHeight="1">
      <c r="A43" s="149" t="s">
        <v>2005</v>
      </c>
      <c r="B43" s="595" t="s">
        <v>2007</v>
      </c>
      <c r="C43" s="594"/>
      <c r="D43" s="627" t="s">
        <v>2019</v>
      </c>
      <c r="E43" s="575">
        <v>7500</v>
      </c>
      <c r="F43" s="567" t="s">
        <v>1970</v>
      </c>
      <c r="G43" s="567" t="s">
        <v>1935</v>
      </c>
      <c r="H43" s="567"/>
    </row>
    <row r="44" spans="1:8" s="33" customFormat="1" ht="30" customHeight="1">
      <c r="A44" s="149" t="s">
        <v>2006</v>
      </c>
      <c r="B44" s="595" t="s">
        <v>2008</v>
      </c>
      <c r="C44" s="582"/>
      <c r="D44" s="627"/>
      <c r="E44" s="575">
        <v>7500</v>
      </c>
      <c r="F44" s="567" t="s">
        <v>1970</v>
      </c>
      <c r="G44" s="567" t="s">
        <v>1935</v>
      </c>
      <c r="H44" s="567"/>
    </row>
    <row r="45" spans="1:8" s="33" customFormat="1" ht="30" customHeight="1">
      <c r="A45" s="149" t="s">
        <v>1568</v>
      </c>
      <c r="B45" s="595" t="s">
        <v>1570</v>
      </c>
      <c r="C45" s="594"/>
      <c r="D45" s="627" t="s">
        <v>1576</v>
      </c>
      <c r="E45" s="575">
        <v>7700</v>
      </c>
      <c r="F45" s="567" t="s">
        <v>1970</v>
      </c>
      <c r="G45" s="567" t="s">
        <v>1935</v>
      </c>
      <c r="H45" s="567"/>
    </row>
    <row r="46" spans="1:8" s="33" customFormat="1" ht="30" customHeight="1">
      <c r="A46" s="149" t="s">
        <v>1569</v>
      </c>
      <c r="B46" s="595" t="s">
        <v>1571</v>
      </c>
      <c r="C46" s="582"/>
      <c r="D46" s="627"/>
      <c r="E46" s="575">
        <v>7700</v>
      </c>
      <c r="F46" s="567" t="s">
        <v>1970</v>
      </c>
      <c r="G46" s="567" t="s">
        <v>1935</v>
      </c>
      <c r="H46" s="567"/>
    </row>
    <row r="47" spans="1:8" s="33" customFormat="1" ht="30" customHeight="1">
      <c r="A47" s="600" t="s">
        <v>1928</v>
      </c>
      <c r="B47" s="604" t="s">
        <v>1946</v>
      </c>
      <c r="C47" s="594" t="s">
        <v>649</v>
      </c>
      <c r="D47" s="626" t="s">
        <v>2021</v>
      </c>
      <c r="E47" s="575">
        <v>9100</v>
      </c>
      <c r="F47" s="567" t="s">
        <v>1970</v>
      </c>
      <c r="G47" s="567" t="s">
        <v>1935</v>
      </c>
      <c r="H47" s="567" t="s">
        <v>1944</v>
      </c>
    </row>
    <row r="48" spans="1:8" s="33" customFormat="1" ht="30" customHeight="1">
      <c r="A48" s="600" t="s">
        <v>1929</v>
      </c>
      <c r="B48" s="604" t="s">
        <v>1947</v>
      </c>
      <c r="C48" s="582"/>
      <c r="D48" s="626"/>
      <c r="E48" s="575">
        <v>9100</v>
      </c>
      <c r="F48" s="567" t="s">
        <v>1970</v>
      </c>
      <c r="G48" s="567" t="s">
        <v>1935</v>
      </c>
      <c r="H48" s="567" t="s">
        <v>1945</v>
      </c>
    </row>
    <row r="49" spans="1:8" ht="30" customHeight="1">
      <c r="B49" s="583" t="s">
        <v>230</v>
      </c>
      <c r="C49" s="583"/>
      <c r="D49" s="583"/>
      <c r="E49" s="583"/>
      <c r="F49" s="587"/>
      <c r="G49" s="587"/>
      <c r="H49" s="583"/>
    </row>
    <row r="50" spans="1:8" s="1" customFormat="1" ht="30" customHeight="1">
      <c r="A50" s="600" t="s">
        <v>232</v>
      </c>
      <c r="B50" s="573" t="s">
        <v>1529</v>
      </c>
      <c r="C50" s="582"/>
      <c r="D50" s="577" t="s">
        <v>706</v>
      </c>
      <c r="E50" s="575">
        <v>13400</v>
      </c>
      <c r="F50" s="567" t="s">
        <v>1736</v>
      </c>
      <c r="G50" s="592"/>
      <c r="H50" s="567"/>
    </row>
    <row r="51" spans="1:8" s="1" customFormat="1" ht="30" customHeight="1">
      <c r="A51" s="600" t="s">
        <v>233</v>
      </c>
      <c r="B51" s="573" t="s">
        <v>1530</v>
      </c>
      <c r="C51" s="585"/>
      <c r="D51" s="577" t="s">
        <v>707</v>
      </c>
      <c r="E51" s="575">
        <v>14600</v>
      </c>
      <c r="F51" s="567" t="s">
        <v>1736</v>
      </c>
      <c r="G51" s="592"/>
      <c r="H51" s="567" t="s">
        <v>2145</v>
      </c>
    </row>
    <row r="52" spans="1:8" s="1" customFormat="1" ht="30" customHeight="1">
      <c r="A52" s="600" t="s">
        <v>234</v>
      </c>
      <c r="B52" s="573" t="s">
        <v>1531</v>
      </c>
      <c r="C52" s="582"/>
      <c r="D52" s="577" t="s">
        <v>708</v>
      </c>
      <c r="E52" s="575">
        <v>15100</v>
      </c>
      <c r="F52" s="567" t="s">
        <v>1736</v>
      </c>
      <c r="G52" s="592"/>
      <c r="H52" s="567"/>
    </row>
    <row r="53" spans="1:8" s="1" customFormat="1" ht="30" customHeight="1">
      <c r="A53" s="600" t="s">
        <v>235</v>
      </c>
      <c r="B53" s="573" t="s">
        <v>1532</v>
      </c>
      <c r="C53" s="582"/>
      <c r="D53" s="577" t="s">
        <v>709</v>
      </c>
      <c r="E53" s="575">
        <v>16300</v>
      </c>
      <c r="F53" s="567" t="s">
        <v>1736</v>
      </c>
      <c r="G53" s="592"/>
      <c r="H53" s="567" t="s">
        <v>2147</v>
      </c>
    </row>
    <row r="54" spans="1:8" s="1" customFormat="1" ht="30" customHeight="1">
      <c r="A54" s="149" t="s">
        <v>352</v>
      </c>
      <c r="B54" s="573" t="s">
        <v>1533</v>
      </c>
      <c r="C54" s="582"/>
      <c r="D54" s="577" t="s">
        <v>589</v>
      </c>
      <c r="E54" s="575">
        <v>18000</v>
      </c>
      <c r="F54" s="567" t="s">
        <v>1736</v>
      </c>
      <c r="G54" s="592"/>
      <c r="H54" s="567"/>
    </row>
    <row r="55" spans="1:8" s="1" customFormat="1" ht="30" customHeight="1">
      <c r="A55" s="149" t="s">
        <v>275</v>
      </c>
      <c r="B55" s="573" t="s">
        <v>1534</v>
      </c>
      <c r="C55" s="582"/>
      <c r="D55" s="577" t="s">
        <v>590</v>
      </c>
      <c r="E55" s="575">
        <v>19200</v>
      </c>
      <c r="F55" s="567" t="s">
        <v>1736</v>
      </c>
      <c r="G55" s="592"/>
      <c r="H55" s="567"/>
    </row>
    <row r="56" spans="1:8" ht="30" customHeight="1">
      <c r="B56" s="583" t="s">
        <v>231</v>
      </c>
      <c r="C56" s="583"/>
      <c r="D56" s="583"/>
      <c r="E56" s="583"/>
      <c r="F56" s="587"/>
      <c r="G56" s="587"/>
      <c r="H56" s="583"/>
    </row>
    <row r="57" spans="1:8" s="1" customFormat="1" ht="30" customHeight="1">
      <c r="A57" s="600" t="s">
        <v>236</v>
      </c>
      <c r="B57" s="573" t="s">
        <v>1535</v>
      </c>
      <c r="C57" s="582"/>
      <c r="D57" s="577" t="s">
        <v>710</v>
      </c>
      <c r="E57" s="575">
        <v>13700</v>
      </c>
      <c r="F57" s="567" t="s">
        <v>1736</v>
      </c>
      <c r="G57" s="592"/>
      <c r="H57" s="567"/>
    </row>
    <row r="58" spans="1:8" s="1" customFormat="1" ht="30" customHeight="1">
      <c r="A58" s="600" t="s">
        <v>237</v>
      </c>
      <c r="B58" s="573" t="s">
        <v>1536</v>
      </c>
      <c r="C58" s="582"/>
      <c r="D58" s="577" t="s">
        <v>711</v>
      </c>
      <c r="E58" s="575">
        <v>14600</v>
      </c>
      <c r="F58" s="567" t="s">
        <v>1736</v>
      </c>
      <c r="G58" s="592"/>
      <c r="H58" s="567" t="s">
        <v>1959</v>
      </c>
    </row>
    <row r="59" spans="1:8" s="1" customFormat="1" ht="30" customHeight="1">
      <c r="A59" s="600" t="s">
        <v>238</v>
      </c>
      <c r="B59" s="573" t="s">
        <v>1537</v>
      </c>
      <c r="C59" s="582"/>
      <c r="D59" s="577" t="s">
        <v>712</v>
      </c>
      <c r="E59" s="575">
        <v>15100</v>
      </c>
      <c r="F59" s="567" t="s">
        <v>1736</v>
      </c>
      <c r="G59" s="592"/>
      <c r="H59" s="567"/>
    </row>
    <row r="60" spans="1:8" s="1" customFormat="1" ht="30" customHeight="1">
      <c r="A60" s="600" t="s">
        <v>239</v>
      </c>
      <c r="B60" s="573" t="s">
        <v>1538</v>
      </c>
      <c r="C60" s="582"/>
      <c r="D60" s="577" t="s">
        <v>713</v>
      </c>
      <c r="E60" s="575">
        <v>16300</v>
      </c>
      <c r="F60" s="567" t="s">
        <v>1736</v>
      </c>
      <c r="G60" s="592"/>
      <c r="H60" s="567" t="s">
        <v>2144</v>
      </c>
    </row>
    <row r="61" spans="1:8" s="1" customFormat="1" ht="30" customHeight="1">
      <c r="A61" s="149" t="s">
        <v>276</v>
      </c>
      <c r="B61" s="573" t="s">
        <v>1539</v>
      </c>
      <c r="C61" s="582"/>
      <c r="D61" s="577" t="s">
        <v>735</v>
      </c>
      <c r="E61" s="575">
        <v>18000</v>
      </c>
      <c r="F61" s="567" t="s">
        <v>1736</v>
      </c>
      <c r="G61" s="592"/>
      <c r="H61" s="567"/>
    </row>
    <row r="62" spans="1:8" s="1" customFormat="1" ht="30" customHeight="1">
      <c r="A62" s="149" t="s">
        <v>351</v>
      </c>
      <c r="B62" s="573" t="s">
        <v>1540</v>
      </c>
      <c r="C62" s="582"/>
      <c r="D62" s="577" t="s">
        <v>734</v>
      </c>
      <c r="E62" s="575">
        <v>19200</v>
      </c>
      <c r="F62" s="567" t="s">
        <v>1736</v>
      </c>
      <c r="G62" s="592"/>
      <c r="H62" s="567"/>
    </row>
    <row r="63" spans="1:8" s="1" customFormat="1" ht="30" customHeight="1">
      <c r="A63" s="145" t="s">
        <v>548</v>
      </c>
      <c r="B63" s="606" t="s">
        <v>548</v>
      </c>
      <c r="C63" s="606"/>
      <c r="D63" s="606"/>
      <c r="E63" s="606"/>
      <c r="F63" s="607"/>
      <c r="G63" s="607"/>
      <c r="H63" s="606"/>
    </row>
    <row r="64" spans="1:8" s="1" customFormat="1" ht="30" customHeight="1">
      <c r="A64" s="427" t="s">
        <v>549</v>
      </c>
      <c r="B64" s="573" t="s">
        <v>1544</v>
      </c>
      <c r="C64" s="589"/>
      <c r="D64" s="608" t="s">
        <v>645</v>
      </c>
      <c r="E64" s="575">
        <v>7900</v>
      </c>
      <c r="F64" s="567" t="s">
        <v>1736</v>
      </c>
      <c r="G64" s="592"/>
      <c r="H64" s="567"/>
    </row>
    <row r="65" spans="1:8" s="1" customFormat="1" ht="30" customHeight="1">
      <c r="A65" s="427" t="s">
        <v>550</v>
      </c>
      <c r="B65" s="573" t="s">
        <v>1545</v>
      </c>
      <c r="C65" s="589"/>
      <c r="D65" s="608" t="s">
        <v>644</v>
      </c>
      <c r="E65" s="575">
        <v>10300</v>
      </c>
      <c r="F65" s="567" t="s">
        <v>1736</v>
      </c>
      <c r="G65" s="592"/>
      <c r="H65" s="567"/>
    </row>
    <row r="66" spans="1:8" s="1" customFormat="1" ht="30" customHeight="1">
      <c r="A66" s="427" t="s">
        <v>551</v>
      </c>
      <c r="B66" s="573" t="s">
        <v>1546</v>
      </c>
      <c r="C66" s="589"/>
      <c r="D66" s="609" t="s">
        <v>646</v>
      </c>
      <c r="E66" s="575">
        <v>8200</v>
      </c>
      <c r="F66" s="567" t="s">
        <v>1736</v>
      </c>
      <c r="G66" s="592"/>
      <c r="H66" s="567"/>
    </row>
    <row r="67" spans="1:8" s="1" customFormat="1" ht="30" customHeight="1">
      <c r="A67" s="145" t="s">
        <v>1872</v>
      </c>
      <c r="B67" s="606" t="s">
        <v>1872</v>
      </c>
      <c r="C67" s="606"/>
      <c r="D67" s="606"/>
      <c r="E67" s="606"/>
      <c r="F67" s="607"/>
      <c r="G67" s="607"/>
      <c r="H67" s="606"/>
    </row>
    <row r="68" spans="1:8" s="1" customFormat="1" ht="55.7" customHeight="1">
      <c r="A68" s="427" t="s">
        <v>1869</v>
      </c>
      <c r="B68" s="595" t="s">
        <v>1870</v>
      </c>
      <c r="C68" s="589"/>
      <c r="D68" s="608" t="s">
        <v>1873</v>
      </c>
      <c r="E68" s="575">
        <v>13400</v>
      </c>
      <c r="F68" s="567" t="s">
        <v>1970</v>
      </c>
      <c r="G68" s="592" t="s">
        <v>348</v>
      </c>
      <c r="H68" s="567" t="s">
        <v>348</v>
      </c>
    </row>
    <row r="69" spans="1:8" ht="30" customHeight="1">
      <c r="B69" s="571" t="s">
        <v>2245</v>
      </c>
      <c r="C69" s="585"/>
      <c r="D69" s="585"/>
      <c r="E69" s="585"/>
      <c r="F69" s="598"/>
      <c r="G69" s="598"/>
      <c r="H69" s="585"/>
    </row>
    <row r="70" spans="1:8" ht="30" customHeight="1">
      <c r="B70" s="583" t="s">
        <v>227</v>
      </c>
      <c r="C70" s="583"/>
      <c r="D70" s="583"/>
      <c r="E70" s="583"/>
      <c r="F70" s="587"/>
      <c r="G70" s="587"/>
      <c r="H70" s="583"/>
    </row>
    <row r="71" spans="1:8" s="1" customFormat="1" ht="30" customHeight="1">
      <c r="A71" s="600" t="s">
        <v>1881</v>
      </c>
      <c r="B71" s="565" t="s">
        <v>1883</v>
      </c>
      <c r="C71" s="590"/>
      <c r="D71" s="622" t="s">
        <v>1918</v>
      </c>
      <c r="E71" s="610">
        <v>14600</v>
      </c>
      <c r="F71" s="567" t="s">
        <v>1970</v>
      </c>
      <c r="G71" s="567" t="s">
        <v>1935</v>
      </c>
      <c r="H71" s="567" t="s">
        <v>2055</v>
      </c>
    </row>
    <row r="72" spans="1:8" s="1" customFormat="1" ht="30" customHeight="1">
      <c r="A72" s="600" t="s">
        <v>1882</v>
      </c>
      <c r="B72" s="565" t="s">
        <v>1884</v>
      </c>
      <c r="C72" s="590"/>
      <c r="D72" s="622"/>
      <c r="E72" s="610">
        <v>14600</v>
      </c>
      <c r="F72" s="567" t="s">
        <v>1970</v>
      </c>
      <c r="G72" s="567" t="s">
        <v>1935</v>
      </c>
      <c r="H72" s="567" t="s">
        <v>2056</v>
      </c>
    </row>
    <row r="73" spans="1:8" s="1" customFormat="1" ht="30" customHeight="1">
      <c r="A73" s="601" t="s">
        <v>425</v>
      </c>
      <c r="B73" s="565" t="s">
        <v>1740</v>
      </c>
      <c r="C73" s="611"/>
      <c r="D73" s="612" t="s">
        <v>749</v>
      </c>
      <c r="E73" s="610">
        <v>10800</v>
      </c>
      <c r="F73" s="567" t="s">
        <v>1970</v>
      </c>
      <c r="G73" s="567" t="s">
        <v>1969</v>
      </c>
      <c r="H73" s="567" t="s">
        <v>2057</v>
      </c>
    </row>
    <row r="74" spans="1:8" s="1" customFormat="1" ht="30" customHeight="1">
      <c r="A74" s="601" t="s">
        <v>698</v>
      </c>
      <c r="B74" s="565" t="s">
        <v>1741</v>
      </c>
      <c r="C74" s="611"/>
      <c r="D74" s="613" t="s">
        <v>746</v>
      </c>
      <c r="E74" s="610">
        <v>12000</v>
      </c>
      <c r="F74" s="567" t="s">
        <v>1970</v>
      </c>
      <c r="G74" s="567" t="s">
        <v>1969</v>
      </c>
      <c r="H74" s="567" t="s">
        <v>2058</v>
      </c>
    </row>
    <row r="75" spans="1:8" s="1" customFormat="1" ht="30" customHeight="1">
      <c r="A75" s="427" t="s">
        <v>15</v>
      </c>
      <c r="B75" s="565" t="s">
        <v>1742</v>
      </c>
      <c r="C75" s="611"/>
      <c r="D75" s="612" t="s">
        <v>715</v>
      </c>
      <c r="E75" s="610">
        <v>12700</v>
      </c>
      <c r="F75" s="567" t="s">
        <v>1970</v>
      </c>
      <c r="G75" s="567" t="s">
        <v>1969</v>
      </c>
      <c r="H75" s="567" t="s">
        <v>2059</v>
      </c>
    </row>
    <row r="76" spans="1:8" s="1" customFormat="1" ht="30" customHeight="1">
      <c r="A76" s="600" t="s">
        <v>294</v>
      </c>
      <c r="B76" s="565" t="s">
        <v>1743</v>
      </c>
      <c r="C76" s="590"/>
      <c r="D76" s="612" t="s">
        <v>716</v>
      </c>
      <c r="E76" s="610">
        <v>15800</v>
      </c>
      <c r="F76" s="567" t="s">
        <v>1970</v>
      </c>
      <c r="G76" s="567" t="s">
        <v>1969</v>
      </c>
      <c r="H76" s="567"/>
    </row>
    <row r="77" spans="1:8" s="1" customFormat="1" ht="30" customHeight="1">
      <c r="A77" s="601" t="s">
        <v>281</v>
      </c>
      <c r="B77" s="565" t="s">
        <v>1746</v>
      </c>
      <c r="C77" s="611"/>
      <c r="D77" s="612" t="s">
        <v>545</v>
      </c>
      <c r="E77" s="610">
        <v>15800</v>
      </c>
      <c r="F77" s="567" t="s">
        <v>1970</v>
      </c>
      <c r="G77" s="567" t="s">
        <v>1969</v>
      </c>
      <c r="H77" s="567" t="s">
        <v>2060</v>
      </c>
    </row>
    <row r="78" spans="1:8" ht="30" customHeight="1">
      <c r="B78" s="583" t="s">
        <v>228</v>
      </c>
      <c r="C78" s="583"/>
      <c r="D78" s="583"/>
      <c r="E78" s="583"/>
      <c r="F78" s="587"/>
      <c r="G78" s="587"/>
      <c r="H78" s="583"/>
    </row>
    <row r="79" spans="1:8" s="121" customFormat="1" ht="30" customHeight="1">
      <c r="A79" s="600" t="s">
        <v>1852</v>
      </c>
      <c r="B79" s="565" t="s">
        <v>1854</v>
      </c>
      <c r="C79" s="562"/>
      <c r="D79" s="623" t="s">
        <v>1917</v>
      </c>
      <c r="E79" s="610">
        <v>14600</v>
      </c>
      <c r="F79" s="567" t="s">
        <v>1970</v>
      </c>
      <c r="G79" s="567" t="s">
        <v>1935</v>
      </c>
      <c r="H79" s="567" t="s">
        <v>2061</v>
      </c>
    </row>
    <row r="80" spans="1:8" s="121" customFormat="1" ht="30" customHeight="1">
      <c r="A80" s="600" t="s">
        <v>1853</v>
      </c>
      <c r="B80" s="565" t="s">
        <v>1855</v>
      </c>
      <c r="C80" s="562"/>
      <c r="D80" s="623"/>
      <c r="E80" s="610">
        <v>14600</v>
      </c>
      <c r="F80" s="567" t="s">
        <v>1970</v>
      </c>
      <c r="G80" s="567" t="s">
        <v>1935</v>
      </c>
      <c r="H80" s="567" t="s">
        <v>2062</v>
      </c>
    </row>
    <row r="81" spans="1:8" s="33" customFormat="1" ht="30" customHeight="1">
      <c r="A81" s="600" t="s">
        <v>286</v>
      </c>
      <c r="B81" s="565" t="s">
        <v>1749</v>
      </c>
      <c r="C81" s="590"/>
      <c r="D81" s="609" t="s">
        <v>747</v>
      </c>
      <c r="E81" s="610">
        <v>12000</v>
      </c>
      <c r="F81" s="567" t="s">
        <v>1970</v>
      </c>
      <c r="G81" s="567" t="s">
        <v>1969</v>
      </c>
      <c r="H81" s="567" t="s">
        <v>2063</v>
      </c>
    </row>
    <row r="82" spans="1:8" s="33" customFormat="1" ht="30" customHeight="1">
      <c r="A82" s="600" t="s">
        <v>355</v>
      </c>
      <c r="B82" s="565" t="s">
        <v>1750</v>
      </c>
      <c r="C82" s="590"/>
      <c r="D82" s="609" t="s">
        <v>748</v>
      </c>
      <c r="E82" s="610">
        <v>12000</v>
      </c>
      <c r="F82" s="567" t="s">
        <v>1970</v>
      </c>
      <c r="G82" s="567" t="s">
        <v>1969</v>
      </c>
      <c r="H82" s="567" t="s">
        <v>2064</v>
      </c>
    </row>
    <row r="83" spans="1:8" s="33" customFormat="1" ht="30" customHeight="1">
      <c r="A83" s="600" t="s">
        <v>16</v>
      </c>
      <c r="B83" s="565" t="s">
        <v>1751</v>
      </c>
      <c r="C83" s="624"/>
      <c r="D83" s="622" t="s">
        <v>1446</v>
      </c>
      <c r="E83" s="610">
        <v>12700</v>
      </c>
      <c r="F83" s="567" t="s">
        <v>1970</v>
      </c>
      <c r="G83" s="567" t="s">
        <v>1969</v>
      </c>
      <c r="H83" s="567" t="s">
        <v>2063</v>
      </c>
    </row>
    <row r="84" spans="1:8" s="33" customFormat="1" ht="30" customHeight="1">
      <c r="A84" s="600" t="s">
        <v>277</v>
      </c>
      <c r="B84" s="565" t="s">
        <v>1752</v>
      </c>
      <c r="C84" s="624"/>
      <c r="D84" s="622"/>
      <c r="E84" s="610">
        <v>12700</v>
      </c>
      <c r="F84" s="567" t="s">
        <v>1970</v>
      </c>
      <c r="G84" s="567" t="s">
        <v>1969</v>
      </c>
      <c r="H84" s="567" t="s">
        <v>2064</v>
      </c>
    </row>
    <row r="85" spans="1:8" s="121" customFormat="1" ht="30" customHeight="1">
      <c r="A85" s="600" t="s">
        <v>326</v>
      </c>
      <c r="B85" s="565" t="s">
        <v>1753</v>
      </c>
      <c r="C85" s="625"/>
      <c r="D85" s="622" t="s">
        <v>717</v>
      </c>
      <c r="E85" s="610">
        <v>14900</v>
      </c>
      <c r="F85" s="567" t="s">
        <v>1970</v>
      </c>
      <c r="G85" s="567" t="s">
        <v>1969</v>
      </c>
      <c r="H85" s="567"/>
    </row>
    <row r="86" spans="1:8" s="121" customFormat="1" ht="30" customHeight="1">
      <c r="A86" s="600" t="s">
        <v>287</v>
      </c>
      <c r="B86" s="565" t="s">
        <v>1754</v>
      </c>
      <c r="C86" s="625"/>
      <c r="D86" s="622"/>
      <c r="E86" s="610">
        <v>14900</v>
      </c>
      <c r="F86" s="567" t="s">
        <v>1970</v>
      </c>
      <c r="G86" s="567" t="s">
        <v>1969</v>
      </c>
      <c r="H86" s="567"/>
    </row>
    <row r="87" spans="1:8" s="1" customFormat="1" ht="30" customHeight="1">
      <c r="A87" s="427" t="s">
        <v>282</v>
      </c>
      <c r="B87" s="565" t="s">
        <v>1759</v>
      </c>
      <c r="C87" s="611"/>
      <c r="D87" s="614" t="s">
        <v>745</v>
      </c>
      <c r="E87" s="610">
        <v>16600</v>
      </c>
      <c r="F87" s="567" t="s">
        <v>1970</v>
      </c>
      <c r="G87" s="567" t="s">
        <v>1969</v>
      </c>
      <c r="H87" s="567" t="s">
        <v>2065</v>
      </c>
    </row>
    <row r="88" spans="1:8" s="33" customFormat="1" ht="30" customHeight="1">
      <c r="A88" s="600" t="s">
        <v>288</v>
      </c>
      <c r="B88" s="565" t="s">
        <v>1760</v>
      </c>
      <c r="C88" s="590"/>
      <c r="D88" s="622" t="s">
        <v>576</v>
      </c>
      <c r="E88" s="610">
        <v>13400</v>
      </c>
      <c r="F88" s="567" t="s">
        <v>1970</v>
      </c>
      <c r="G88" s="567" t="s">
        <v>1969</v>
      </c>
      <c r="H88" s="567" t="s">
        <v>2168</v>
      </c>
    </row>
    <row r="89" spans="1:8" s="33" customFormat="1" ht="30" customHeight="1">
      <c r="A89" s="600" t="s">
        <v>356</v>
      </c>
      <c r="B89" s="565" t="s">
        <v>1761</v>
      </c>
      <c r="C89" s="590"/>
      <c r="D89" s="622"/>
      <c r="E89" s="610">
        <v>13400</v>
      </c>
      <c r="F89" s="567" t="s">
        <v>1970</v>
      </c>
      <c r="G89" s="567" t="s">
        <v>1969</v>
      </c>
      <c r="H89" s="567" t="s">
        <v>2168</v>
      </c>
    </row>
    <row r="90" spans="1:8" s="33" customFormat="1" ht="30" customHeight="1">
      <c r="A90" s="600" t="s">
        <v>289</v>
      </c>
      <c r="B90" s="565" t="s">
        <v>1762</v>
      </c>
      <c r="C90" s="590"/>
      <c r="D90" s="622" t="s">
        <v>718</v>
      </c>
      <c r="E90" s="610">
        <v>15800</v>
      </c>
      <c r="F90" s="567" t="s">
        <v>1970</v>
      </c>
      <c r="G90" s="567" t="s">
        <v>1969</v>
      </c>
      <c r="H90" s="567" t="s">
        <v>2167</v>
      </c>
    </row>
    <row r="91" spans="1:8" s="33" customFormat="1" ht="30" customHeight="1">
      <c r="A91" s="600" t="s">
        <v>357</v>
      </c>
      <c r="B91" s="565" t="s">
        <v>1763</v>
      </c>
      <c r="C91" s="590"/>
      <c r="D91" s="622"/>
      <c r="E91" s="610">
        <v>15800</v>
      </c>
      <c r="F91" s="567" t="s">
        <v>1970</v>
      </c>
      <c r="G91" s="567" t="s">
        <v>1969</v>
      </c>
      <c r="H91" s="567" t="s">
        <v>2167</v>
      </c>
    </row>
    <row r="92" spans="1:8" ht="30" customHeight="1">
      <c r="B92" s="583" t="s">
        <v>230</v>
      </c>
      <c r="C92" s="583"/>
      <c r="D92" s="583"/>
      <c r="E92" s="583"/>
      <c r="F92" s="587"/>
      <c r="G92" s="587"/>
      <c r="H92" s="583"/>
    </row>
    <row r="93" spans="1:8" s="1" customFormat="1" ht="30" customHeight="1">
      <c r="A93" s="600" t="s">
        <v>1874</v>
      </c>
      <c r="B93" s="565" t="s">
        <v>1875</v>
      </c>
      <c r="C93" s="590"/>
      <c r="D93" s="612" t="s">
        <v>1877</v>
      </c>
      <c r="E93" s="610">
        <v>25200</v>
      </c>
      <c r="F93" s="567" t="s">
        <v>1970</v>
      </c>
      <c r="G93" s="567" t="s">
        <v>1935</v>
      </c>
      <c r="H93" s="567" t="s">
        <v>2066</v>
      </c>
    </row>
    <row r="94" spans="1:8" s="1" customFormat="1" ht="30" customHeight="1">
      <c r="A94" s="427" t="s">
        <v>278</v>
      </c>
      <c r="B94" s="565" t="s">
        <v>1768</v>
      </c>
      <c r="C94" s="615"/>
      <c r="D94" s="612" t="s">
        <v>1450</v>
      </c>
      <c r="E94" s="610">
        <v>26400</v>
      </c>
      <c r="F94" s="567" t="s">
        <v>1970</v>
      </c>
      <c r="G94" s="567" t="s">
        <v>1969</v>
      </c>
      <c r="H94" s="567" t="s">
        <v>1983</v>
      </c>
    </row>
    <row r="95" spans="1:8" s="1" customFormat="1" ht="30" customHeight="1">
      <c r="A95" s="600" t="s">
        <v>295</v>
      </c>
      <c r="B95" s="565" t="s">
        <v>1769</v>
      </c>
      <c r="C95" s="590"/>
      <c r="D95" s="612" t="s">
        <v>1451</v>
      </c>
      <c r="E95" s="610">
        <v>17300</v>
      </c>
      <c r="F95" s="567" t="s">
        <v>1970</v>
      </c>
      <c r="G95" s="567" t="s">
        <v>1969</v>
      </c>
      <c r="H95" s="567" t="s">
        <v>2067</v>
      </c>
    </row>
    <row r="96" spans="1:8" s="1" customFormat="1" ht="30" customHeight="1">
      <c r="A96" s="600" t="s">
        <v>407</v>
      </c>
      <c r="B96" s="565" t="s">
        <v>1770</v>
      </c>
      <c r="C96" s="590"/>
      <c r="D96" s="612" t="s">
        <v>1452</v>
      </c>
      <c r="E96" s="610">
        <v>21300</v>
      </c>
      <c r="F96" s="567" t="s">
        <v>1970</v>
      </c>
      <c r="G96" s="567" t="s">
        <v>1969</v>
      </c>
      <c r="H96" s="567" t="s">
        <v>2067</v>
      </c>
    </row>
    <row r="97" spans="1:8" s="1" customFormat="1" ht="30" customHeight="1">
      <c r="A97" s="600" t="s">
        <v>358</v>
      </c>
      <c r="B97" s="565" t="s">
        <v>1771</v>
      </c>
      <c r="C97" s="590"/>
      <c r="D97" s="612" t="s">
        <v>719</v>
      </c>
      <c r="E97" s="610">
        <v>26600</v>
      </c>
      <c r="F97" s="567" t="s">
        <v>1970</v>
      </c>
      <c r="G97" s="567" t="s">
        <v>1969</v>
      </c>
      <c r="H97" s="567"/>
    </row>
    <row r="98" spans="1:8" s="1" customFormat="1" ht="30" customHeight="1">
      <c r="A98" s="601" t="s">
        <v>283</v>
      </c>
      <c r="B98" s="565" t="s">
        <v>1774</v>
      </c>
      <c r="C98" s="615"/>
      <c r="D98" s="612" t="s">
        <v>577</v>
      </c>
      <c r="E98" s="610">
        <v>29500</v>
      </c>
      <c r="F98" s="567" t="s">
        <v>1970</v>
      </c>
      <c r="G98" s="567" t="s">
        <v>1969</v>
      </c>
      <c r="H98" s="567" t="s">
        <v>2068</v>
      </c>
    </row>
    <row r="99" spans="1:8" ht="30" customHeight="1">
      <c r="B99" s="583" t="s">
        <v>231</v>
      </c>
      <c r="C99" s="583"/>
      <c r="D99" s="583"/>
      <c r="E99" s="583"/>
      <c r="F99" s="587"/>
      <c r="G99" s="587"/>
      <c r="H99" s="583"/>
    </row>
    <row r="100" spans="1:8" s="121" customFormat="1" ht="30" customHeight="1">
      <c r="A100" s="600" t="s">
        <v>1878</v>
      </c>
      <c r="B100" s="565" t="s">
        <v>1879</v>
      </c>
      <c r="C100" s="590"/>
      <c r="D100" s="612" t="s">
        <v>1880</v>
      </c>
      <c r="E100" s="610">
        <v>25200</v>
      </c>
      <c r="F100" s="567" t="s">
        <v>1970</v>
      </c>
      <c r="G100" s="567" t="s">
        <v>1969</v>
      </c>
      <c r="H100" s="567" t="s">
        <v>2069</v>
      </c>
    </row>
    <row r="101" spans="1:8" s="1" customFormat="1" ht="30" customHeight="1">
      <c r="A101" s="427" t="s">
        <v>279</v>
      </c>
      <c r="B101" s="565" t="s">
        <v>1775</v>
      </c>
      <c r="C101" s="615"/>
      <c r="D101" s="612" t="s">
        <v>720</v>
      </c>
      <c r="E101" s="610">
        <v>26400</v>
      </c>
      <c r="F101" s="567" t="s">
        <v>1970</v>
      </c>
      <c r="G101" s="567" t="s">
        <v>1969</v>
      </c>
      <c r="H101" s="567" t="s">
        <v>2070</v>
      </c>
    </row>
    <row r="102" spans="1:8" s="1" customFormat="1" ht="30" customHeight="1">
      <c r="A102" s="601" t="s">
        <v>284</v>
      </c>
      <c r="B102" s="565" t="s">
        <v>1776</v>
      </c>
      <c r="C102" s="615"/>
      <c r="D102" s="612" t="s">
        <v>578</v>
      </c>
      <c r="E102" s="610">
        <v>29500</v>
      </c>
      <c r="F102" s="567" t="s">
        <v>1970</v>
      </c>
      <c r="G102" s="567" t="s">
        <v>1969</v>
      </c>
      <c r="H102" s="567" t="s">
        <v>2071</v>
      </c>
    </row>
    <row r="103" spans="1:8" s="1" customFormat="1" ht="30" customHeight="1">
      <c r="A103" s="601" t="s">
        <v>280</v>
      </c>
      <c r="B103" s="565" t="s">
        <v>1777</v>
      </c>
      <c r="C103" s="615"/>
      <c r="D103" s="612" t="s">
        <v>721</v>
      </c>
      <c r="E103" s="610">
        <v>22500</v>
      </c>
      <c r="F103" s="567" t="s">
        <v>1970</v>
      </c>
      <c r="G103" s="567" t="s">
        <v>1969</v>
      </c>
      <c r="H103" s="567" t="s">
        <v>2072</v>
      </c>
    </row>
    <row r="104" spans="1:8" s="1" customFormat="1" ht="30" customHeight="1">
      <c r="A104" s="601" t="s">
        <v>285</v>
      </c>
      <c r="B104" s="595" t="s">
        <v>1778</v>
      </c>
      <c r="C104" s="615"/>
      <c r="D104" s="612" t="s">
        <v>595</v>
      </c>
      <c r="E104" s="610">
        <v>28000</v>
      </c>
      <c r="F104" s="567" t="s">
        <v>1970</v>
      </c>
      <c r="G104" s="567" t="s">
        <v>1969</v>
      </c>
      <c r="H104" s="567" t="s">
        <v>2073</v>
      </c>
    </row>
    <row r="105" spans="1:8" s="121" customFormat="1" ht="30" customHeight="1">
      <c r="A105" s="600" t="s">
        <v>290</v>
      </c>
      <c r="B105" s="565" t="s">
        <v>1779</v>
      </c>
      <c r="C105" s="590"/>
      <c r="D105" s="612" t="s">
        <v>722</v>
      </c>
      <c r="E105" s="610">
        <v>17300</v>
      </c>
      <c r="F105" s="567" t="s">
        <v>1970</v>
      </c>
      <c r="G105" s="567" t="s">
        <v>1969</v>
      </c>
      <c r="H105" s="567" t="s">
        <v>2070</v>
      </c>
    </row>
    <row r="106" spans="1:8" s="121" customFormat="1" ht="30" customHeight="1">
      <c r="A106" s="600" t="s">
        <v>408</v>
      </c>
      <c r="B106" s="565" t="s">
        <v>1780</v>
      </c>
      <c r="C106" s="590"/>
      <c r="D106" s="612" t="s">
        <v>723</v>
      </c>
      <c r="E106" s="610">
        <v>21300</v>
      </c>
      <c r="F106" s="567" t="s">
        <v>1970</v>
      </c>
      <c r="G106" s="567" t="s">
        <v>1969</v>
      </c>
      <c r="H106" s="567" t="s">
        <v>2070</v>
      </c>
    </row>
    <row r="107" spans="1:8" s="121" customFormat="1" ht="30" customHeight="1">
      <c r="A107" s="600" t="s">
        <v>291</v>
      </c>
      <c r="B107" s="565" t="s">
        <v>1781</v>
      </c>
      <c r="C107" s="590"/>
      <c r="D107" s="616" t="s">
        <v>724</v>
      </c>
      <c r="E107" s="610">
        <v>22500</v>
      </c>
      <c r="F107" s="567" t="s">
        <v>1970</v>
      </c>
      <c r="G107" s="567" t="s">
        <v>1969</v>
      </c>
      <c r="H107" s="567"/>
    </row>
    <row r="108" spans="1:8" s="121" customFormat="1" ht="30" customHeight="1">
      <c r="A108" s="600" t="s">
        <v>409</v>
      </c>
      <c r="B108" s="565" t="s">
        <v>1782</v>
      </c>
      <c r="C108" s="590"/>
      <c r="D108" s="616" t="s">
        <v>725</v>
      </c>
      <c r="E108" s="610">
        <v>26600</v>
      </c>
      <c r="F108" s="567" t="s">
        <v>1970</v>
      </c>
      <c r="G108" s="567" t="s">
        <v>1969</v>
      </c>
      <c r="H108" s="567"/>
    </row>
    <row r="109" spans="1:8" s="121" customFormat="1" ht="30" customHeight="1">
      <c r="A109" s="600" t="s">
        <v>292</v>
      </c>
      <c r="B109" s="565" t="s">
        <v>1785</v>
      </c>
      <c r="C109" s="590"/>
      <c r="D109" s="617" t="s">
        <v>726</v>
      </c>
      <c r="E109" s="610">
        <v>17500</v>
      </c>
      <c r="F109" s="567" t="s">
        <v>1970</v>
      </c>
      <c r="G109" s="567" t="s">
        <v>1969</v>
      </c>
      <c r="H109" s="567" t="s">
        <v>2074</v>
      </c>
    </row>
    <row r="110" spans="1:8" s="121" customFormat="1" ht="30" customHeight="1">
      <c r="A110" s="600" t="s">
        <v>293</v>
      </c>
      <c r="B110" s="565" t="s">
        <v>1786</v>
      </c>
      <c r="C110" s="590"/>
      <c r="D110" s="612" t="s">
        <v>727</v>
      </c>
      <c r="E110" s="610">
        <v>23000</v>
      </c>
      <c r="F110" s="567" t="s">
        <v>1970</v>
      </c>
      <c r="G110" s="567" t="s">
        <v>1969</v>
      </c>
      <c r="H110" s="567"/>
    </row>
    <row r="111" spans="1:8" s="1" customFormat="1" ht="30" customHeight="1">
      <c r="A111" s="49" t="s">
        <v>305</v>
      </c>
      <c r="B111" s="618"/>
      <c r="C111" s="618"/>
      <c r="D111" s="619"/>
      <c r="E111" s="606"/>
      <c r="F111" s="607"/>
      <c r="G111" s="607"/>
      <c r="H111" s="606"/>
    </row>
    <row r="112" spans="1:8" s="127" customFormat="1" ht="30" customHeight="1">
      <c r="A112" s="576" t="s">
        <v>296</v>
      </c>
      <c r="B112" s="565" t="s">
        <v>1791</v>
      </c>
      <c r="C112" s="590"/>
      <c r="D112" s="612" t="s">
        <v>728</v>
      </c>
      <c r="E112" s="610">
        <v>24400</v>
      </c>
      <c r="F112" s="567" t="s">
        <v>1970</v>
      </c>
      <c r="G112" s="567" t="s">
        <v>1969</v>
      </c>
      <c r="H112" s="567" t="s">
        <v>2224</v>
      </c>
    </row>
    <row r="113" spans="1:8" s="1" customFormat="1" ht="30" customHeight="1">
      <c r="A113" s="49" t="s">
        <v>306</v>
      </c>
      <c r="B113" s="618" t="s">
        <v>306</v>
      </c>
      <c r="C113" s="618"/>
      <c r="D113" s="618"/>
      <c r="E113" s="618"/>
      <c r="F113" s="607"/>
      <c r="G113" s="607"/>
      <c r="H113" s="618"/>
    </row>
    <row r="114" spans="1:8" s="121" customFormat="1" ht="30" customHeight="1">
      <c r="A114" s="597" t="s">
        <v>559</v>
      </c>
      <c r="B114" s="565" t="s">
        <v>1792</v>
      </c>
      <c r="C114" s="620"/>
      <c r="D114" s="612" t="s">
        <v>579</v>
      </c>
      <c r="E114" s="610">
        <v>27300</v>
      </c>
      <c r="F114" s="567" t="s">
        <v>1970</v>
      </c>
      <c r="G114" s="567" t="s">
        <v>1969</v>
      </c>
      <c r="H114" s="567"/>
    </row>
    <row r="115" spans="1:8" s="121" customFormat="1" ht="30" customHeight="1">
      <c r="A115" s="431" t="s">
        <v>560</v>
      </c>
      <c r="B115" s="565" t="s">
        <v>1793</v>
      </c>
      <c r="C115" s="620"/>
      <c r="D115" s="612" t="s">
        <v>580</v>
      </c>
      <c r="E115" s="610">
        <v>29200</v>
      </c>
      <c r="F115" s="567" t="s">
        <v>1970</v>
      </c>
      <c r="G115" s="567" t="s">
        <v>1969</v>
      </c>
      <c r="H115" s="567"/>
    </row>
    <row r="116" spans="1:8" ht="30" customHeight="1">
      <c r="B116" s="618" t="s">
        <v>1899</v>
      </c>
      <c r="C116" s="618"/>
      <c r="D116" s="618"/>
      <c r="E116" s="618"/>
      <c r="F116" s="607"/>
      <c r="G116" s="607"/>
      <c r="H116" s="618"/>
    </row>
    <row r="117" spans="1:8" s="1" customFormat="1" ht="43.15" customHeight="1">
      <c r="A117" s="574" t="s">
        <v>18</v>
      </c>
      <c r="B117" s="573" t="s">
        <v>1542</v>
      </c>
      <c r="C117" s="590"/>
      <c r="D117" s="593" t="s">
        <v>1133</v>
      </c>
      <c r="E117" s="575">
        <v>54600</v>
      </c>
      <c r="F117" s="567" t="s">
        <v>1851</v>
      </c>
      <c r="G117" s="621"/>
      <c r="H117" s="540"/>
    </row>
    <row r="118" spans="1:8" ht="30" customHeight="1">
      <c r="B118" s="571" t="s">
        <v>303</v>
      </c>
      <c r="C118" s="571"/>
      <c r="D118" s="571"/>
      <c r="E118" s="571"/>
      <c r="F118" s="621"/>
      <c r="G118" s="621"/>
      <c r="H118" s="571"/>
    </row>
    <row r="119" spans="1:8" s="33" customFormat="1" ht="30" customHeight="1">
      <c r="A119" s="206" t="s">
        <v>572</v>
      </c>
      <c r="B119" s="573" t="s">
        <v>1549</v>
      </c>
      <c r="C119" s="585"/>
      <c r="D119" s="526" t="s">
        <v>740</v>
      </c>
      <c r="E119" s="575">
        <v>10700</v>
      </c>
      <c r="F119" s="567" t="s">
        <v>1969</v>
      </c>
      <c r="G119" s="567"/>
      <c r="H119" s="588" t="s">
        <v>2082</v>
      </c>
    </row>
    <row r="120" spans="1:8" s="33" customFormat="1" ht="30" customHeight="1">
      <c r="A120" s="206" t="s">
        <v>1469</v>
      </c>
      <c r="B120" s="573" t="s">
        <v>1550</v>
      </c>
      <c r="C120" s="569"/>
      <c r="D120" s="526" t="s">
        <v>1492</v>
      </c>
      <c r="E120" s="575">
        <v>14600</v>
      </c>
      <c r="F120" s="567" t="s">
        <v>1969</v>
      </c>
      <c r="G120" s="567"/>
      <c r="H120" s="588"/>
    </row>
    <row r="121" spans="1:8" s="33" customFormat="1" ht="30" customHeight="1">
      <c r="A121" s="431" t="s">
        <v>570</v>
      </c>
      <c r="B121" s="573" t="s">
        <v>1547</v>
      </c>
      <c r="C121" s="585"/>
      <c r="D121" s="526" t="s">
        <v>737</v>
      </c>
      <c r="E121" s="575">
        <v>7000</v>
      </c>
      <c r="F121" s="567" t="s">
        <v>1969</v>
      </c>
      <c r="G121" s="567"/>
      <c r="H121" s="588" t="s">
        <v>2078</v>
      </c>
    </row>
    <row r="122" spans="1:8" s="33" customFormat="1" ht="30" customHeight="1">
      <c r="A122" s="431" t="s">
        <v>571</v>
      </c>
      <c r="B122" s="573" t="s">
        <v>1548</v>
      </c>
      <c r="C122" s="585"/>
      <c r="D122" s="526" t="s">
        <v>736</v>
      </c>
      <c r="E122" s="575">
        <v>11100</v>
      </c>
      <c r="F122" s="567" t="s">
        <v>1969</v>
      </c>
      <c r="G122" s="567"/>
      <c r="H122" s="588" t="s">
        <v>2079</v>
      </c>
    </row>
    <row r="123" spans="1:8" s="33" customFormat="1" ht="30" customHeight="1">
      <c r="A123" s="206" t="s">
        <v>1471</v>
      </c>
      <c r="B123" s="573" t="s">
        <v>1551</v>
      </c>
      <c r="C123" s="569"/>
      <c r="D123" s="526" t="s">
        <v>1493</v>
      </c>
      <c r="E123" s="575">
        <v>10900</v>
      </c>
      <c r="F123" s="567" t="s">
        <v>1969</v>
      </c>
      <c r="G123" s="567"/>
      <c r="H123" s="588"/>
    </row>
    <row r="124" spans="1:8" s="33" customFormat="1" ht="30" customHeight="1">
      <c r="A124" s="206" t="s">
        <v>1468</v>
      </c>
      <c r="B124" s="573" t="s">
        <v>1552</v>
      </c>
      <c r="C124" s="569"/>
      <c r="D124" s="526" t="s">
        <v>1494</v>
      </c>
      <c r="E124" s="575">
        <v>16100</v>
      </c>
      <c r="F124" s="567" t="s">
        <v>1969</v>
      </c>
      <c r="G124" s="567"/>
      <c r="H124" s="588"/>
    </row>
    <row r="125" spans="1:8" s="33" customFormat="1" ht="30" customHeight="1">
      <c r="A125" s="431" t="s">
        <v>561</v>
      </c>
      <c r="B125" s="573" t="s">
        <v>1553</v>
      </c>
      <c r="C125" s="582"/>
      <c r="D125" s="526" t="s">
        <v>741</v>
      </c>
      <c r="E125" s="575">
        <v>15600</v>
      </c>
      <c r="F125" s="567" t="s">
        <v>1969</v>
      </c>
      <c r="G125" s="567"/>
      <c r="H125" s="588" t="s">
        <v>2083</v>
      </c>
    </row>
    <row r="126" spans="1:8" s="33" customFormat="1" ht="30" customHeight="1">
      <c r="A126" s="431" t="s">
        <v>563</v>
      </c>
      <c r="B126" s="573" t="s">
        <v>1555</v>
      </c>
      <c r="C126" s="582"/>
      <c r="D126" s="526" t="s">
        <v>738</v>
      </c>
      <c r="E126" s="575">
        <v>8400</v>
      </c>
      <c r="F126" s="567" t="s">
        <v>1969</v>
      </c>
      <c r="G126" s="567"/>
      <c r="H126" s="588" t="s">
        <v>2084</v>
      </c>
    </row>
    <row r="127" spans="1:8" s="33" customFormat="1" ht="30" customHeight="1">
      <c r="A127" s="597" t="s">
        <v>564</v>
      </c>
      <c r="B127" s="573" t="s">
        <v>1556</v>
      </c>
      <c r="C127" s="582"/>
      <c r="D127" s="526" t="s">
        <v>739</v>
      </c>
      <c r="E127" s="575">
        <v>16100</v>
      </c>
      <c r="F127" s="567" t="s">
        <v>1969</v>
      </c>
      <c r="G127" s="567"/>
      <c r="H127" s="588" t="s">
        <v>2085</v>
      </c>
    </row>
    <row r="128" spans="1:8" s="33" customFormat="1" ht="30" customHeight="1">
      <c r="A128" s="600" t="s">
        <v>310</v>
      </c>
      <c r="B128" s="573" t="s">
        <v>1560</v>
      </c>
      <c r="C128" s="582"/>
      <c r="D128" s="577" t="s">
        <v>591</v>
      </c>
      <c r="E128" s="575">
        <v>14800</v>
      </c>
      <c r="F128" s="567" t="s">
        <v>1969</v>
      </c>
      <c r="G128" s="567"/>
      <c r="H128" s="588"/>
    </row>
    <row r="129" spans="1:8" s="33" customFormat="1" ht="30" customHeight="1">
      <c r="A129" s="596" t="s">
        <v>402</v>
      </c>
      <c r="B129" s="565" t="s">
        <v>1794</v>
      </c>
      <c r="C129" s="591"/>
      <c r="D129" s="566" t="s">
        <v>581</v>
      </c>
      <c r="E129" s="581">
        <v>42000</v>
      </c>
      <c r="F129" s="567" t="s">
        <v>1969</v>
      </c>
      <c r="G129" s="567"/>
      <c r="H129" s="588"/>
    </row>
    <row r="130" spans="1:8" s="33" customFormat="1" ht="30" customHeight="1">
      <c r="A130" s="596" t="s">
        <v>403</v>
      </c>
      <c r="B130" s="565" t="s">
        <v>1795</v>
      </c>
      <c r="C130" s="591"/>
      <c r="D130" s="577" t="s">
        <v>582</v>
      </c>
      <c r="E130" s="581">
        <v>27900</v>
      </c>
      <c r="F130" s="567" t="s">
        <v>1969</v>
      </c>
      <c r="G130" s="567"/>
      <c r="H130" s="588"/>
    </row>
    <row r="131" spans="1:8" s="33" customFormat="1" ht="30" customHeight="1">
      <c r="A131" s="600" t="s">
        <v>297</v>
      </c>
      <c r="B131" s="573" t="s">
        <v>1561</v>
      </c>
      <c r="C131" s="578"/>
      <c r="D131" s="566" t="s">
        <v>592</v>
      </c>
      <c r="E131" s="575">
        <v>17300</v>
      </c>
      <c r="F131" s="567" t="s">
        <v>1969</v>
      </c>
      <c r="G131" s="567"/>
      <c r="H131" s="588" t="s">
        <v>2087</v>
      </c>
    </row>
    <row r="132" spans="1:8" s="33" customFormat="1" ht="30" customHeight="1">
      <c r="A132" s="600" t="s">
        <v>298</v>
      </c>
      <c r="B132" s="573" t="s">
        <v>1562</v>
      </c>
      <c r="C132" s="578"/>
      <c r="D132" s="566" t="s">
        <v>593</v>
      </c>
      <c r="E132" s="575">
        <v>26900</v>
      </c>
      <c r="F132" s="567" t="s">
        <v>1969</v>
      </c>
      <c r="G132" s="567"/>
      <c r="H132" s="588" t="s">
        <v>1474</v>
      </c>
    </row>
    <row r="133" spans="1:8" s="33" customFormat="1" ht="30" customHeight="1">
      <c r="A133" s="600" t="s">
        <v>299</v>
      </c>
      <c r="B133" s="573" t="s">
        <v>1563</v>
      </c>
      <c r="C133" s="578"/>
      <c r="D133" s="566" t="s">
        <v>594</v>
      </c>
      <c r="E133" s="575">
        <v>34600</v>
      </c>
      <c r="F133" s="567" t="s">
        <v>1969</v>
      </c>
      <c r="G133" s="567"/>
      <c r="H133" s="588" t="s">
        <v>1474</v>
      </c>
    </row>
    <row r="134" spans="1:8" s="33" customFormat="1" ht="30" customHeight="1">
      <c r="A134" s="128" t="s">
        <v>404</v>
      </c>
      <c r="B134" s="565" t="s">
        <v>1796</v>
      </c>
      <c r="C134" s="590"/>
      <c r="D134" s="566" t="s">
        <v>583</v>
      </c>
      <c r="E134" s="581">
        <v>54000</v>
      </c>
      <c r="F134" s="567" t="s">
        <v>1969</v>
      </c>
      <c r="G134" s="567" t="s">
        <v>2248</v>
      </c>
      <c r="H134" s="588"/>
    </row>
    <row r="135" spans="1:8" s="33" customFormat="1" ht="30" customHeight="1">
      <c r="A135" s="596" t="s">
        <v>405</v>
      </c>
      <c r="B135" s="565" t="s">
        <v>1797</v>
      </c>
      <c r="C135" s="590"/>
      <c r="D135" s="577" t="s">
        <v>584</v>
      </c>
      <c r="E135" s="581">
        <v>30400</v>
      </c>
      <c r="F135" s="567" t="s">
        <v>1969</v>
      </c>
      <c r="G135" s="567" t="s">
        <v>2248</v>
      </c>
      <c r="H135" s="588"/>
    </row>
    <row r="136" spans="1:8" s="33" customFormat="1" ht="30" customHeight="1">
      <c r="A136" s="596" t="s">
        <v>406</v>
      </c>
      <c r="B136" s="565" t="s">
        <v>1798</v>
      </c>
      <c r="C136" s="590"/>
      <c r="D136" s="577" t="s">
        <v>585</v>
      </c>
      <c r="E136" s="581">
        <v>51300</v>
      </c>
      <c r="F136" s="567" t="s">
        <v>1969</v>
      </c>
      <c r="G136" s="567" t="s">
        <v>2248</v>
      </c>
      <c r="H136" s="588"/>
    </row>
    <row r="137" spans="1:8" s="33" customFormat="1" ht="30" customHeight="1">
      <c r="A137" s="601" t="s">
        <v>300</v>
      </c>
      <c r="B137" s="565" t="s">
        <v>1799</v>
      </c>
      <c r="C137" s="562"/>
      <c r="D137" s="566" t="s">
        <v>586</v>
      </c>
      <c r="E137" s="581">
        <v>61200</v>
      </c>
      <c r="F137" s="567" t="s">
        <v>1969</v>
      </c>
      <c r="G137" s="567" t="s">
        <v>2248</v>
      </c>
      <c r="H137" s="588"/>
    </row>
    <row r="138" spans="1:8" s="33" customFormat="1" ht="42" customHeight="1">
      <c r="A138" s="601" t="s">
        <v>301</v>
      </c>
      <c r="B138" s="565" t="s">
        <v>1800</v>
      </c>
      <c r="C138" s="562"/>
      <c r="D138" s="566" t="s">
        <v>587</v>
      </c>
      <c r="E138" s="581">
        <v>73500</v>
      </c>
      <c r="F138" s="567" t="s">
        <v>1969</v>
      </c>
      <c r="G138" s="567" t="s">
        <v>2248</v>
      </c>
      <c r="H138" s="588"/>
    </row>
    <row r="139" spans="1:8" s="33" customFormat="1" ht="30" customHeight="1">
      <c r="A139" s="601" t="s">
        <v>302</v>
      </c>
      <c r="B139" s="565" t="s">
        <v>1801</v>
      </c>
      <c r="C139" s="562"/>
      <c r="D139" s="566" t="s">
        <v>588</v>
      </c>
      <c r="E139" s="581">
        <v>88800</v>
      </c>
      <c r="F139" s="567" t="s">
        <v>1970</v>
      </c>
      <c r="G139" s="567" t="s">
        <v>2248</v>
      </c>
      <c r="H139" s="588"/>
    </row>
    <row r="140" spans="1:8">
      <c r="B140" s="585"/>
      <c r="C140" s="585"/>
      <c r="D140" s="585"/>
      <c r="E140" s="585"/>
      <c r="F140" s="598"/>
      <c r="G140" s="598"/>
      <c r="H140" s="585"/>
    </row>
    <row r="141" spans="1:8" ht="30" customHeight="1">
      <c r="B141" s="579" t="s">
        <v>2249</v>
      </c>
      <c r="C141" s="585"/>
      <c r="D141" s="586" t="s">
        <v>2250</v>
      </c>
      <c r="E141" s="584">
        <v>2350</v>
      </c>
      <c r="F141" s="567" t="s">
        <v>1969</v>
      </c>
      <c r="G141" s="598" t="s">
        <v>2265</v>
      </c>
      <c r="H141" s="585"/>
    </row>
    <row r="142" spans="1:8" ht="30" customHeight="1">
      <c r="B142" s="579" t="s">
        <v>2251</v>
      </c>
      <c r="C142" s="582"/>
      <c r="D142" s="586" t="s">
        <v>2252</v>
      </c>
      <c r="E142" s="584"/>
      <c r="F142" s="567" t="s">
        <v>1969</v>
      </c>
      <c r="G142" s="598"/>
      <c r="H142" s="585"/>
    </row>
    <row r="143" spans="1:8" ht="30" customHeight="1">
      <c r="B143" s="579" t="s">
        <v>2253</v>
      </c>
      <c r="C143" s="585"/>
      <c r="D143" s="586" t="s">
        <v>2254</v>
      </c>
      <c r="E143" s="584">
        <v>2900</v>
      </c>
      <c r="F143" s="567" t="s">
        <v>1969</v>
      </c>
      <c r="G143" s="598" t="s">
        <v>2265</v>
      </c>
      <c r="H143" s="585"/>
    </row>
    <row r="144" spans="1:8" ht="30" customHeight="1">
      <c r="B144" s="579" t="s">
        <v>2255</v>
      </c>
      <c r="C144" s="582"/>
      <c r="D144" s="586" t="s">
        <v>2256</v>
      </c>
      <c r="E144" s="584">
        <v>4650</v>
      </c>
      <c r="F144" s="567" t="s">
        <v>1969</v>
      </c>
      <c r="G144" s="598" t="s">
        <v>2265</v>
      </c>
      <c r="H144" s="585"/>
    </row>
    <row r="145" spans="2:8" s="599" customFormat="1" ht="30" customHeight="1">
      <c r="B145" s="579" t="s">
        <v>2266</v>
      </c>
      <c r="C145" s="585"/>
      <c r="D145" s="526" t="s">
        <v>2267</v>
      </c>
      <c r="E145" s="584">
        <v>6100</v>
      </c>
      <c r="F145" s="567" t="s">
        <v>1969</v>
      </c>
      <c r="G145" s="598" t="s">
        <v>2265</v>
      </c>
      <c r="H145" s="585"/>
    </row>
    <row r="146" spans="2:8" ht="30" customHeight="1">
      <c r="B146" s="579" t="s">
        <v>2257</v>
      </c>
      <c r="C146" s="582"/>
      <c r="D146" s="586" t="s">
        <v>2258</v>
      </c>
      <c r="E146" s="585"/>
      <c r="F146" s="567" t="s">
        <v>1969</v>
      </c>
      <c r="G146" s="598"/>
      <c r="H146" s="585"/>
    </row>
    <row r="147" spans="2:8" ht="30" customHeight="1">
      <c r="B147" s="579" t="s">
        <v>2259</v>
      </c>
      <c r="C147" s="582"/>
      <c r="D147" s="586" t="s">
        <v>2260</v>
      </c>
      <c r="E147" s="585"/>
      <c r="F147" s="567" t="s">
        <v>1969</v>
      </c>
      <c r="G147" s="598"/>
      <c r="H147" s="585"/>
    </row>
    <row r="148" spans="2:8" ht="30" customHeight="1">
      <c r="B148" s="579" t="s">
        <v>2261</v>
      </c>
      <c r="C148" s="582"/>
      <c r="D148" s="586" t="s">
        <v>2262</v>
      </c>
      <c r="E148" s="585"/>
      <c r="F148" s="567" t="s">
        <v>1969</v>
      </c>
      <c r="G148" s="598"/>
      <c r="H148" s="585"/>
    </row>
    <row r="149" spans="2:8" ht="30" customHeight="1">
      <c r="B149" s="579" t="s">
        <v>2263</v>
      </c>
      <c r="C149" s="582"/>
      <c r="D149" s="586" t="s">
        <v>2264</v>
      </c>
      <c r="E149" s="585"/>
      <c r="F149" s="567" t="s">
        <v>1969</v>
      </c>
      <c r="G149" s="598"/>
      <c r="H149" s="585"/>
    </row>
  </sheetData>
  <mergeCells count="26">
    <mergeCell ref="D18:D19"/>
    <mergeCell ref="D4:D6"/>
    <mergeCell ref="D7:D9"/>
    <mergeCell ref="D12:D13"/>
    <mergeCell ref="D14:D15"/>
    <mergeCell ref="D16:D17"/>
    <mergeCell ref="D47:D48"/>
    <mergeCell ref="D20:D21"/>
    <mergeCell ref="D23:D24"/>
    <mergeCell ref="D25:D26"/>
    <mergeCell ref="D29:D30"/>
    <mergeCell ref="D31:D32"/>
    <mergeCell ref="D33:D34"/>
    <mergeCell ref="D35:D36"/>
    <mergeCell ref="D37:D38"/>
    <mergeCell ref="D41:D42"/>
    <mergeCell ref="D43:D44"/>
    <mergeCell ref="D45:D46"/>
    <mergeCell ref="D88:D89"/>
    <mergeCell ref="D90:D91"/>
    <mergeCell ref="D71:D72"/>
    <mergeCell ref="D79:D80"/>
    <mergeCell ref="C83:C84"/>
    <mergeCell ref="D83:D84"/>
    <mergeCell ref="C85:C86"/>
    <mergeCell ref="D85:D86"/>
  </mergeCells>
  <conditionalFormatting sqref="A112">
    <cfRule type="colorScale" priority="3">
      <colorScale>
        <cfvo type="min" val="0"/>
        <cfvo type="max" val="0"/>
        <color rgb="FF63BE7B"/>
        <color rgb="FFFCFCFF"/>
      </colorScale>
    </cfRule>
    <cfRule type="colorScale" priority="4">
      <colorScale>
        <cfvo type="min" val="0"/>
        <cfvo type="max" val="0"/>
        <color rgb="FF63BE7B"/>
        <color rgb="FFFCFCFF"/>
      </colorScale>
    </cfRule>
  </conditionalFormatting>
  <pageMargins left="0.7" right="0.7" top="0.75" bottom="0.75" header="0.3" footer="0.3"/>
  <pageSetup paperSize="9" orientation="portrait" r:id="rId1"/>
  <drawing r:id="rId2"/>
</worksheet>
</file>

<file path=xl/worksheets/sheet10.xml><?xml version="1.0" encoding="utf-8"?>
<worksheet xmlns="http://schemas.openxmlformats.org/spreadsheetml/2006/main" xmlns:r="http://schemas.openxmlformats.org/officeDocument/2006/relationships">
  <dimension ref="A1:K7"/>
  <sheetViews>
    <sheetView zoomScaleNormal="100" workbookViewId="0">
      <pane ySplit="1" topLeftCell="A2" activePane="bottomLeft" state="frozen"/>
      <selection activeCell="B40" sqref="B40"/>
      <selection pane="bottomLeft" activeCell="D7" sqref="D7"/>
    </sheetView>
  </sheetViews>
  <sheetFormatPr defaultColWidth="9" defaultRowHeight="15"/>
  <cols>
    <col min="1" max="1" width="1.7109375" customWidth="1"/>
    <col min="2" max="2" width="26.7109375" customWidth="1"/>
    <col min="3" max="3" width="21.42578125" customWidth="1"/>
    <col min="4" max="4" width="32" style="260" customWidth="1"/>
    <col min="5" max="5" width="9.42578125" style="261" bestFit="1" customWidth="1"/>
    <col min="7" max="7" width="11.42578125" customWidth="1"/>
  </cols>
  <sheetData>
    <row r="1" spans="1:11" s="219" customFormat="1">
      <c r="A1" s="314"/>
      <c r="B1" s="156" t="s">
        <v>0</v>
      </c>
      <c r="C1" s="410" t="s">
        <v>1</v>
      </c>
      <c r="D1" s="410" t="s">
        <v>2</v>
      </c>
      <c r="E1" s="157" t="s">
        <v>1925</v>
      </c>
      <c r="F1" s="118" t="s">
        <v>136</v>
      </c>
      <c r="G1" s="118" t="s">
        <v>760</v>
      </c>
    </row>
    <row r="2" spans="1:11" ht="14.1" customHeight="1">
      <c r="A2" s="234"/>
      <c r="B2" s="315" t="s">
        <v>311</v>
      </c>
      <c r="C2" s="316"/>
      <c r="D2" s="317"/>
      <c r="E2" s="47"/>
      <c r="F2" s="102"/>
      <c r="G2" s="102"/>
      <c r="H2" s="331" t="s">
        <v>1080</v>
      </c>
      <c r="I2" s="331" t="s">
        <v>1081</v>
      </c>
      <c r="J2" s="331" t="s">
        <v>1082</v>
      </c>
      <c r="K2" s="331" t="s">
        <v>1083</v>
      </c>
    </row>
    <row r="3" spans="1:11" s="257" customFormat="1" ht="44.45" customHeight="1">
      <c r="A3" s="258"/>
      <c r="B3" s="110" t="s">
        <v>395</v>
      </c>
      <c r="C3" s="144"/>
      <c r="D3" s="138" t="s">
        <v>537</v>
      </c>
      <c r="E3" s="100">
        <v>6000</v>
      </c>
      <c r="F3" s="361"/>
      <c r="G3" s="225"/>
      <c r="H3" s="217">
        <v>6</v>
      </c>
      <c r="I3" s="217" t="s">
        <v>54</v>
      </c>
      <c r="J3" s="218" t="s">
        <v>752</v>
      </c>
      <c r="K3" s="217" t="s">
        <v>753</v>
      </c>
    </row>
    <row r="4" spans="1:11" s="257" customFormat="1" ht="37.700000000000003" customHeight="1">
      <c r="A4" s="258"/>
      <c r="B4" s="110" t="s">
        <v>396</v>
      </c>
      <c r="C4" s="144"/>
      <c r="D4" s="138" t="s">
        <v>534</v>
      </c>
      <c r="E4" s="100">
        <v>9900</v>
      </c>
      <c r="F4" s="361"/>
      <c r="G4" s="225"/>
      <c r="H4" s="217">
        <v>10</v>
      </c>
      <c r="I4" s="217" t="s">
        <v>54</v>
      </c>
      <c r="J4" s="218" t="s">
        <v>754</v>
      </c>
      <c r="K4" s="217" t="s">
        <v>755</v>
      </c>
    </row>
    <row r="5" spans="1:11" s="257" customFormat="1" ht="40.5" customHeight="1">
      <c r="A5" s="258"/>
      <c r="B5" s="110" t="s">
        <v>397</v>
      </c>
      <c r="C5"/>
      <c r="D5" s="138" t="s">
        <v>535</v>
      </c>
      <c r="E5" s="100">
        <v>36300</v>
      </c>
      <c r="F5" s="361"/>
      <c r="G5" s="225"/>
      <c r="H5" s="217">
        <v>16</v>
      </c>
      <c r="I5" s="217">
        <v>2</v>
      </c>
      <c r="J5" s="218" t="s">
        <v>756</v>
      </c>
      <c r="K5" s="217" t="s">
        <v>757</v>
      </c>
    </row>
    <row r="6" spans="1:11" s="257" customFormat="1" ht="49.5" customHeight="1">
      <c r="A6" s="258"/>
      <c r="B6" s="110" t="s">
        <v>398</v>
      </c>
      <c r="C6" s="144"/>
      <c r="D6" s="138" t="s">
        <v>536</v>
      </c>
      <c r="E6" s="100">
        <v>44900</v>
      </c>
      <c r="F6" s="361"/>
      <c r="G6" s="225"/>
      <c r="H6" s="217">
        <v>24</v>
      </c>
      <c r="I6" s="217">
        <v>2</v>
      </c>
      <c r="J6" s="218" t="s">
        <v>758</v>
      </c>
      <c r="K6" s="217" t="s">
        <v>759</v>
      </c>
    </row>
    <row r="7" spans="1:11" s="257" customFormat="1" ht="68.650000000000006" customHeight="1">
      <c r="A7" s="258"/>
      <c r="B7" s="110" t="s">
        <v>1908</v>
      </c>
      <c r="C7" s="549"/>
      <c r="D7" s="561" t="s">
        <v>1909</v>
      </c>
      <c r="E7" s="100">
        <v>46900</v>
      </c>
      <c r="F7" s="361" t="s">
        <v>1491</v>
      </c>
      <c r="G7" s="225"/>
      <c r="H7" s="217"/>
      <c r="I7" s="217"/>
      <c r="J7" s="218"/>
      <c r="K7" s="217"/>
    </row>
  </sheetData>
  <phoneticPr fontId="119" type="noConversion"/>
  <pageMargins left="0.69930555555555596" right="0.69930555555555596" top="0.75" bottom="0.75" header="0.3" footer="0.3"/>
  <pageSetup paperSize="9" orientation="portrait" r:id="rId1"/>
  <drawing r:id="rId2"/>
</worksheet>
</file>

<file path=xl/worksheets/sheet11.xml><?xml version="1.0" encoding="utf-8"?>
<worksheet xmlns="http://schemas.openxmlformats.org/spreadsheetml/2006/main" xmlns:r="http://schemas.openxmlformats.org/officeDocument/2006/relationships">
  <sheetPr>
    <pageSetUpPr fitToPage="1"/>
  </sheetPr>
  <dimension ref="A1:K202"/>
  <sheetViews>
    <sheetView topLeftCell="A10" zoomScaleNormal="100" workbookViewId="0">
      <selection activeCell="B40" sqref="B40"/>
    </sheetView>
  </sheetViews>
  <sheetFormatPr defaultColWidth="9" defaultRowHeight="15"/>
  <cols>
    <col min="1" max="1" width="23.28515625" style="186" customWidth="1"/>
    <col min="2" max="2" width="20.7109375" style="188" customWidth="1"/>
    <col min="3" max="3" width="23.42578125" style="188" customWidth="1"/>
    <col min="4" max="4" width="30.42578125" style="188" customWidth="1"/>
    <col min="5" max="5" width="15.42578125" style="188" customWidth="1"/>
    <col min="6" max="6" width="13.28515625" style="188" customWidth="1"/>
    <col min="7" max="7" width="12.42578125" style="199" customWidth="1"/>
    <col min="8" max="8" width="15.42578125" style="199" customWidth="1"/>
    <col min="9" max="9" width="6.7109375" style="188" customWidth="1"/>
    <col min="10" max="10" width="28.28515625" style="188" customWidth="1"/>
    <col min="11" max="11" width="12.7109375" style="186" customWidth="1"/>
    <col min="12" max="16384" width="9" style="186"/>
  </cols>
  <sheetData>
    <row r="1" spans="1:11" ht="21">
      <c r="A1" s="388" t="s">
        <v>1581</v>
      </c>
      <c r="B1" s="389"/>
    </row>
    <row r="2" spans="1:11" ht="21" customHeight="1">
      <c r="A2" s="375" t="s">
        <v>19</v>
      </c>
      <c r="B2" s="390" t="s">
        <v>1582</v>
      </c>
      <c r="C2" s="390"/>
    </row>
    <row r="3" spans="1:11">
      <c r="A3" s="393" t="s">
        <v>1583</v>
      </c>
      <c r="B3" s="394">
        <v>2</v>
      </c>
      <c r="C3" s="394">
        <v>1</v>
      </c>
      <c r="D3" s="394">
        <v>2</v>
      </c>
      <c r="E3" s="394">
        <v>4</v>
      </c>
      <c r="F3" s="393" t="s">
        <v>1584</v>
      </c>
      <c r="G3" s="393"/>
      <c r="H3" s="393" t="s">
        <v>1585</v>
      </c>
    </row>
    <row r="4" spans="1:11" ht="15.75" thickBot="1"/>
    <row r="5" spans="1:11" ht="26.25" customHeight="1" thickTop="1" thickBot="1">
      <c r="B5" s="378" t="s">
        <v>1586</v>
      </c>
      <c r="C5" s="378" t="s">
        <v>1587</v>
      </c>
      <c r="D5" s="378" t="s">
        <v>1588</v>
      </c>
      <c r="E5" s="378" t="s">
        <v>1589</v>
      </c>
      <c r="F5" s="379" t="s">
        <v>1590</v>
      </c>
      <c r="G5" s="380"/>
      <c r="H5" s="379" t="s">
        <v>1591</v>
      </c>
      <c r="I5" s="380"/>
      <c r="J5" s="381" t="s">
        <v>1592</v>
      </c>
      <c r="K5" s="378" t="s">
        <v>1593</v>
      </c>
    </row>
    <row r="6" spans="1:11" ht="21.75" thickBot="1">
      <c r="A6" s="376" t="s">
        <v>1734</v>
      </c>
      <c r="B6" s="376" t="s">
        <v>1594</v>
      </c>
      <c r="C6" s="376" t="s">
        <v>1595</v>
      </c>
      <c r="D6" s="376" t="s">
        <v>1596</v>
      </c>
      <c r="E6" s="376" t="s">
        <v>1597</v>
      </c>
      <c r="F6" s="382" t="s">
        <v>1598</v>
      </c>
      <c r="G6" s="383"/>
      <c r="H6" s="382" t="s">
        <v>1599</v>
      </c>
      <c r="I6" s="383"/>
      <c r="J6" s="382" t="s">
        <v>1600</v>
      </c>
      <c r="K6" s="376" t="s">
        <v>1601</v>
      </c>
    </row>
    <row r="7" spans="1:11" ht="17.25" thickTop="1">
      <c r="A7" s="377" t="s">
        <v>614</v>
      </c>
      <c r="B7" s="377" t="s">
        <v>1602</v>
      </c>
      <c r="C7" s="384" t="s">
        <v>1603</v>
      </c>
      <c r="D7" s="377" t="s">
        <v>1588</v>
      </c>
      <c r="E7" s="190" t="s">
        <v>1604</v>
      </c>
      <c r="F7" s="190" t="s">
        <v>1605</v>
      </c>
      <c r="G7" s="190"/>
      <c r="H7" s="190" t="s">
        <v>1606</v>
      </c>
      <c r="I7" s="190"/>
      <c r="J7" s="190" t="s">
        <v>1599</v>
      </c>
      <c r="K7" s="190" t="s">
        <v>1607</v>
      </c>
    </row>
    <row r="8" spans="1:11" ht="16.5">
      <c r="A8" s="377"/>
      <c r="B8" s="377" t="s">
        <v>1608</v>
      </c>
      <c r="C8" s="385" t="s">
        <v>1609</v>
      </c>
      <c r="D8" s="190"/>
      <c r="E8" s="190" t="s">
        <v>1610</v>
      </c>
      <c r="F8" s="190" t="s">
        <v>1611</v>
      </c>
      <c r="G8" s="190"/>
      <c r="H8" s="190" t="s">
        <v>1612</v>
      </c>
      <c r="I8" s="190"/>
      <c r="J8" s="190" t="s">
        <v>1613</v>
      </c>
      <c r="K8" s="190"/>
    </row>
    <row r="9" spans="1:11" ht="16.5">
      <c r="A9" s="377"/>
      <c r="B9" s="377" t="s">
        <v>1614</v>
      </c>
      <c r="C9" s="385" t="s">
        <v>1615</v>
      </c>
      <c r="D9" s="190"/>
      <c r="E9" s="190" t="s">
        <v>1616</v>
      </c>
      <c r="F9" s="190" t="s">
        <v>1617</v>
      </c>
      <c r="G9" s="190"/>
      <c r="H9" s="190" t="s">
        <v>1618</v>
      </c>
      <c r="I9" s="190"/>
      <c r="J9" s="190" t="s">
        <v>1619</v>
      </c>
      <c r="K9" s="190"/>
    </row>
    <row r="10" spans="1:11" ht="16.5">
      <c r="A10" s="377"/>
      <c r="B10" s="377" t="s">
        <v>1620</v>
      </c>
      <c r="C10" s="385" t="s">
        <v>1621</v>
      </c>
      <c r="D10" s="190"/>
      <c r="E10" s="190" t="s">
        <v>1622</v>
      </c>
      <c r="F10" s="190" t="s">
        <v>1623</v>
      </c>
      <c r="G10" s="190"/>
      <c r="H10" s="190" t="s">
        <v>1624</v>
      </c>
      <c r="I10" s="190"/>
      <c r="J10" s="190"/>
      <c r="K10" s="190"/>
    </row>
    <row r="11" spans="1:11" ht="16.5">
      <c r="A11" s="377"/>
      <c r="B11" s="377" t="s">
        <v>1625</v>
      </c>
      <c r="C11" s="385" t="s">
        <v>1626</v>
      </c>
      <c r="D11" s="190"/>
      <c r="E11" s="190" t="s">
        <v>1627</v>
      </c>
      <c r="F11" s="190" t="s">
        <v>1628</v>
      </c>
      <c r="G11" s="190"/>
      <c r="H11" s="190" t="s">
        <v>1629</v>
      </c>
      <c r="I11" s="190"/>
      <c r="J11" s="190"/>
      <c r="K11" s="190"/>
    </row>
    <row r="12" spans="1:11" ht="16.5">
      <c r="A12" s="377"/>
      <c r="B12" s="377" t="s">
        <v>1630</v>
      </c>
      <c r="C12" s="385" t="s">
        <v>1631</v>
      </c>
      <c r="D12" s="190"/>
      <c r="E12" s="190" t="s">
        <v>1632</v>
      </c>
      <c r="F12" s="190" t="s">
        <v>1633</v>
      </c>
      <c r="G12" s="190"/>
      <c r="H12" s="190" t="s">
        <v>1634</v>
      </c>
      <c r="I12" s="190"/>
      <c r="J12" s="190"/>
      <c r="K12" s="190"/>
    </row>
    <row r="13" spans="1:11" ht="16.5">
      <c r="A13" s="377"/>
      <c r="B13" s="377" t="s">
        <v>1635</v>
      </c>
      <c r="C13" s="384" t="s">
        <v>1636</v>
      </c>
      <c r="D13" s="190"/>
      <c r="E13" s="190"/>
      <c r="F13" s="190" t="s">
        <v>1637</v>
      </c>
      <c r="G13" s="190"/>
      <c r="H13" s="190" t="s">
        <v>1638</v>
      </c>
      <c r="I13" s="190"/>
      <c r="J13" s="190"/>
      <c r="K13" s="190"/>
    </row>
    <row r="14" spans="1:11" ht="16.5">
      <c r="A14" s="377"/>
      <c r="B14" s="377" t="s">
        <v>1639</v>
      </c>
      <c r="C14" s="385" t="s">
        <v>1640</v>
      </c>
      <c r="D14" s="190"/>
      <c r="E14" s="190"/>
      <c r="F14" s="190"/>
      <c r="G14" s="190"/>
      <c r="H14" s="190" t="s">
        <v>1641</v>
      </c>
      <c r="I14" s="190"/>
      <c r="J14" s="190"/>
      <c r="K14" s="190"/>
    </row>
    <row r="15" spans="1:11" ht="16.5">
      <c r="A15" s="377"/>
      <c r="B15" s="377" t="s">
        <v>1642</v>
      </c>
      <c r="C15" s="385" t="s">
        <v>1643</v>
      </c>
      <c r="D15" s="190"/>
      <c r="E15" s="190"/>
      <c r="F15" s="190"/>
      <c r="G15" s="190"/>
      <c r="H15" s="190" t="s">
        <v>1644</v>
      </c>
      <c r="I15" s="190"/>
      <c r="J15" s="190"/>
      <c r="K15" s="190"/>
    </row>
    <row r="16" spans="1:11" ht="16.5">
      <c r="A16" s="386"/>
      <c r="B16" s="386"/>
      <c r="C16" s="385" t="s">
        <v>1645</v>
      </c>
      <c r="D16" s="190"/>
      <c r="E16" s="190"/>
      <c r="F16" s="190"/>
      <c r="G16" s="190"/>
      <c r="H16" s="190" t="s">
        <v>1646</v>
      </c>
      <c r="I16" s="190"/>
      <c r="J16" s="190"/>
      <c r="K16" s="190"/>
    </row>
    <row r="17" spans="1:11" ht="16.5">
      <c r="A17" s="386"/>
      <c r="B17" s="386"/>
      <c r="C17" s="384" t="s">
        <v>1647</v>
      </c>
      <c r="D17" s="190"/>
      <c r="E17" s="190"/>
      <c r="F17" s="190"/>
      <c r="G17" s="190"/>
      <c r="H17" s="190" t="s">
        <v>1648</v>
      </c>
      <c r="I17" s="190"/>
      <c r="J17" s="190"/>
      <c r="K17" s="190"/>
    </row>
    <row r="18" spans="1:11" ht="16.5">
      <c r="A18" s="386"/>
      <c r="B18" s="386"/>
      <c r="C18" s="387" t="s">
        <v>1649</v>
      </c>
      <c r="D18" s="190"/>
      <c r="E18" s="190"/>
      <c r="F18" s="190"/>
      <c r="G18" s="190"/>
      <c r="H18" s="190" t="s">
        <v>1650</v>
      </c>
      <c r="I18" s="190"/>
      <c r="J18" s="190"/>
      <c r="K18" s="190"/>
    </row>
    <row r="19" spans="1:11" ht="16.5">
      <c r="A19" s="386"/>
      <c r="B19" s="386"/>
      <c r="C19" s="384" t="s">
        <v>1651</v>
      </c>
      <c r="D19" s="190"/>
      <c r="E19" s="190"/>
      <c r="F19" s="190"/>
      <c r="G19" s="190"/>
      <c r="H19" s="190"/>
      <c r="I19" s="190"/>
      <c r="J19" s="190"/>
      <c r="K19" s="190"/>
    </row>
    <row r="20" spans="1:11" ht="16.5">
      <c r="A20" s="386"/>
      <c r="B20" s="386"/>
      <c r="C20" s="385" t="s">
        <v>1652</v>
      </c>
      <c r="D20" s="190"/>
      <c r="E20" s="190"/>
      <c r="F20" s="190"/>
      <c r="G20" s="190"/>
      <c r="H20" s="190"/>
      <c r="I20" s="190"/>
      <c r="J20" s="190"/>
      <c r="K20" s="190"/>
    </row>
    <row r="21" spans="1:11" ht="16.5">
      <c r="A21" s="386"/>
      <c r="B21" s="386"/>
      <c r="C21" s="385" t="s">
        <v>1653</v>
      </c>
      <c r="D21" s="377"/>
      <c r="E21" s="190"/>
      <c r="F21" s="190"/>
      <c r="G21" s="190"/>
      <c r="H21" s="190"/>
      <c r="I21" s="190"/>
      <c r="J21" s="190"/>
      <c r="K21" s="190"/>
    </row>
    <row r="22" spans="1:11" ht="16.5">
      <c r="A22" s="386"/>
      <c r="B22" s="386"/>
      <c r="C22" s="385" t="s">
        <v>1654</v>
      </c>
      <c r="D22" s="190"/>
      <c r="E22" s="190"/>
      <c r="F22" s="190"/>
      <c r="G22" s="190"/>
      <c r="H22" s="190"/>
      <c r="I22" s="190"/>
      <c r="J22" s="190"/>
      <c r="K22" s="190"/>
    </row>
    <row r="23" spans="1:11" ht="16.5">
      <c r="A23" s="386"/>
      <c r="B23" s="386"/>
      <c r="C23" s="384" t="s">
        <v>1655</v>
      </c>
      <c r="D23" s="190"/>
      <c r="E23" s="190"/>
      <c r="F23" s="190"/>
      <c r="G23" s="190"/>
      <c r="H23" s="190"/>
      <c r="I23" s="190"/>
      <c r="J23" s="190"/>
      <c r="K23" s="190"/>
    </row>
    <row r="24" spans="1:11" ht="16.5">
      <c r="A24" s="386"/>
      <c r="B24" s="386"/>
      <c r="C24" s="387" t="s">
        <v>1656</v>
      </c>
      <c r="D24" s="190"/>
      <c r="E24" s="190"/>
      <c r="F24" s="190"/>
      <c r="G24" s="190"/>
      <c r="H24" s="190"/>
      <c r="I24" s="190"/>
      <c r="J24" s="190"/>
      <c r="K24" s="190"/>
    </row>
    <row r="25" spans="1:11" ht="16.5">
      <c r="A25" s="386"/>
      <c r="B25" s="386"/>
      <c r="C25" s="384" t="s">
        <v>1657</v>
      </c>
      <c r="D25" s="190"/>
      <c r="E25" s="190"/>
      <c r="F25" s="190"/>
      <c r="G25" s="190"/>
      <c r="H25" s="190"/>
      <c r="I25" s="190"/>
      <c r="J25" s="190"/>
      <c r="K25" s="190"/>
    </row>
    <row r="26" spans="1:11" ht="16.5">
      <c r="A26" s="386"/>
      <c r="B26" s="386"/>
      <c r="C26" s="385" t="s">
        <v>1658</v>
      </c>
      <c r="D26" s="190"/>
      <c r="E26" s="190"/>
      <c r="F26" s="190"/>
      <c r="G26" s="190"/>
      <c r="H26" s="190"/>
      <c r="I26" s="190"/>
      <c r="J26" s="190"/>
      <c r="K26" s="190"/>
    </row>
    <row r="27" spans="1:11" ht="16.5">
      <c r="A27" s="386"/>
      <c r="B27" s="386"/>
      <c r="C27" s="385" t="s">
        <v>1659</v>
      </c>
      <c r="D27" s="190"/>
      <c r="E27" s="190"/>
      <c r="F27" s="190"/>
      <c r="G27" s="190"/>
      <c r="H27" s="190"/>
      <c r="I27" s="190"/>
      <c r="J27" s="190"/>
      <c r="K27" s="190"/>
    </row>
    <row r="29" spans="1:11" ht="21">
      <c r="A29" s="388" t="s">
        <v>1660</v>
      </c>
      <c r="B29" s="389"/>
      <c r="F29" s="199"/>
      <c r="H29" s="188"/>
      <c r="J29" s="186"/>
    </row>
    <row r="30" spans="1:11" ht="15.75">
      <c r="A30" s="184" t="s">
        <v>19</v>
      </c>
      <c r="B30" s="185" t="s">
        <v>596</v>
      </c>
      <c r="C30" s="185" t="s">
        <v>597</v>
      </c>
      <c r="D30" s="185" t="s">
        <v>598</v>
      </c>
      <c r="E30" s="185" t="s">
        <v>599</v>
      </c>
      <c r="F30" s="185" t="s">
        <v>600</v>
      </c>
      <c r="G30" s="185" t="s">
        <v>601</v>
      </c>
      <c r="H30" s="185"/>
      <c r="I30" s="185" t="s">
        <v>602</v>
      </c>
      <c r="J30" s="186"/>
    </row>
    <row r="31" spans="1:11">
      <c r="A31" s="187" t="s">
        <v>50</v>
      </c>
      <c r="B31" s="187" t="s">
        <v>51</v>
      </c>
      <c r="C31" s="187">
        <v>36</v>
      </c>
      <c r="D31" s="187">
        <v>1</v>
      </c>
      <c r="E31" s="187">
        <v>1</v>
      </c>
      <c r="F31" s="187" t="s">
        <v>52</v>
      </c>
      <c r="G31" s="187" t="s">
        <v>53</v>
      </c>
      <c r="H31" s="187" t="s">
        <v>54</v>
      </c>
      <c r="I31" s="187" t="s">
        <v>55</v>
      </c>
      <c r="J31" s="186"/>
    </row>
    <row r="32" spans="1:11">
      <c r="A32" s="187" t="s">
        <v>603</v>
      </c>
      <c r="B32" s="187" t="s">
        <v>51</v>
      </c>
      <c r="C32" s="187">
        <v>2</v>
      </c>
      <c r="D32" s="187">
        <v>4</v>
      </c>
      <c r="E32" s="187">
        <v>2</v>
      </c>
      <c r="F32" s="187" t="s">
        <v>56</v>
      </c>
      <c r="G32" s="187" t="s">
        <v>604</v>
      </c>
      <c r="H32" s="187" t="s">
        <v>54</v>
      </c>
      <c r="I32" s="187" t="s">
        <v>605</v>
      </c>
      <c r="J32" s="186"/>
    </row>
    <row r="33" spans="1:10">
      <c r="A33" s="187" t="s">
        <v>606</v>
      </c>
      <c r="B33" s="187" t="s">
        <v>51</v>
      </c>
      <c r="C33" s="187">
        <v>62</v>
      </c>
      <c r="D33" s="187">
        <v>4</v>
      </c>
      <c r="E33" s="187">
        <v>2</v>
      </c>
      <c r="F33" s="187" t="s">
        <v>52</v>
      </c>
      <c r="G33" s="187" t="s">
        <v>57</v>
      </c>
      <c r="H33" s="187" t="s">
        <v>54</v>
      </c>
      <c r="I33" s="187" t="s">
        <v>607</v>
      </c>
      <c r="J33" s="186"/>
    </row>
    <row r="34" spans="1:10">
      <c r="A34" s="188"/>
      <c r="F34" s="199"/>
      <c r="H34" s="188"/>
      <c r="J34" s="186"/>
    </row>
    <row r="35" spans="1:10" ht="45">
      <c r="A35" s="188"/>
      <c r="B35" s="391" t="s">
        <v>626</v>
      </c>
      <c r="C35" s="185" t="s">
        <v>608</v>
      </c>
      <c r="D35" s="185" t="s">
        <v>609</v>
      </c>
      <c r="E35" s="185" t="s">
        <v>610</v>
      </c>
      <c r="F35" s="189" t="s">
        <v>611</v>
      </c>
      <c r="G35" s="189" t="s">
        <v>612</v>
      </c>
      <c r="H35" s="185"/>
      <c r="I35" s="189" t="s">
        <v>613</v>
      </c>
      <c r="J35" s="186"/>
    </row>
    <row r="36" spans="1:10">
      <c r="A36" s="188"/>
      <c r="B36" s="190" t="s">
        <v>614</v>
      </c>
      <c r="C36" s="191" t="s">
        <v>1661</v>
      </c>
      <c r="D36" s="192" t="s">
        <v>1662</v>
      </c>
      <c r="E36" s="192" t="s">
        <v>615</v>
      </c>
      <c r="F36" s="190" t="s">
        <v>1663</v>
      </c>
      <c r="G36" s="190" t="s">
        <v>1664</v>
      </c>
      <c r="H36" s="190"/>
      <c r="I36" s="193" t="s">
        <v>60</v>
      </c>
      <c r="J36" s="186"/>
    </row>
    <row r="37" spans="1:10">
      <c r="A37" s="188"/>
      <c r="B37" s="190"/>
      <c r="C37" s="192" t="s">
        <v>1665</v>
      </c>
      <c r="D37" s="192" t="s">
        <v>616</v>
      </c>
      <c r="E37" s="192" t="s">
        <v>1666</v>
      </c>
      <c r="F37" s="190" t="s">
        <v>1667</v>
      </c>
      <c r="G37" s="194" t="s">
        <v>1668</v>
      </c>
      <c r="H37" s="190"/>
      <c r="I37" s="190" t="s">
        <v>1669</v>
      </c>
      <c r="J37" s="186"/>
    </row>
    <row r="38" spans="1:10">
      <c r="A38" s="188"/>
      <c r="B38" s="192"/>
      <c r="C38" s="192" t="s">
        <v>1670</v>
      </c>
      <c r="D38" s="192" t="s">
        <v>1671</v>
      </c>
      <c r="E38" s="192" t="s">
        <v>617</v>
      </c>
      <c r="F38" s="190" t="s">
        <v>1672</v>
      </c>
      <c r="G38" s="194" t="s">
        <v>1673</v>
      </c>
      <c r="H38" s="190"/>
      <c r="I38" s="190" t="s">
        <v>1674</v>
      </c>
      <c r="J38" s="186"/>
    </row>
    <row r="39" spans="1:10">
      <c r="A39" s="188"/>
      <c r="B39" s="192"/>
      <c r="C39" s="192" t="s">
        <v>1675</v>
      </c>
      <c r="D39" s="192"/>
      <c r="E39" s="191" t="s">
        <v>1676</v>
      </c>
      <c r="F39" s="190"/>
      <c r="G39" s="194" t="s">
        <v>1677</v>
      </c>
      <c r="H39" s="190"/>
      <c r="I39" s="195" t="s">
        <v>1678</v>
      </c>
      <c r="J39" s="186"/>
    </row>
    <row r="40" spans="1:10">
      <c r="A40" s="188"/>
      <c r="B40" s="192"/>
      <c r="C40" s="192" t="s">
        <v>1679</v>
      </c>
      <c r="D40" s="192"/>
      <c r="E40" s="191" t="s">
        <v>1680</v>
      </c>
      <c r="F40" s="190"/>
      <c r="G40" s="194" t="s">
        <v>1681</v>
      </c>
      <c r="H40" s="190"/>
      <c r="I40" s="194" t="s">
        <v>1682</v>
      </c>
      <c r="J40" s="186"/>
    </row>
    <row r="41" spans="1:10">
      <c r="A41" s="188"/>
      <c r="B41" s="192"/>
      <c r="C41" s="191" t="s">
        <v>1683</v>
      </c>
      <c r="D41" s="192"/>
      <c r="E41" s="191" t="s">
        <v>1684</v>
      </c>
      <c r="F41" s="190"/>
      <c r="G41" s="190" t="s">
        <v>1685</v>
      </c>
      <c r="H41" s="190"/>
      <c r="I41" s="194" t="s">
        <v>1686</v>
      </c>
      <c r="J41" s="186"/>
    </row>
    <row r="42" spans="1:10">
      <c r="A42" s="188"/>
      <c r="B42" s="192"/>
      <c r="C42" s="191" t="s">
        <v>1687</v>
      </c>
      <c r="D42" s="192"/>
      <c r="E42" s="192" t="s">
        <v>1688</v>
      </c>
      <c r="F42" s="190"/>
      <c r="G42" s="190" t="s">
        <v>1689</v>
      </c>
      <c r="H42" s="190"/>
      <c r="I42" s="190" t="s">
        <v>1690</v>
      </c>
      <c r="J42" s="186"/>
    </row>
    <row r="43" spans="1:10">
      <c r="A43" s="188"/>
      <c r="B43" s="192"/>
      <c r="C43" s="191" t="s">
        <v>1691</v>
      </c>
      <c r="D43" s="192"/>
      <c r="E43" s="191" t="s">
        <v>1692</v>
      </c>
      <c r="F43" s="190"/>
      <c r="G43" s="190" t="s">
        <v>1693</v>
      </c>
      <c r="H43" s="190"/>
      <c r="I43" s="190" t="s">
        <v>1694</v>
      </c>
      <c r="J43" s="186"/>
    </row>
    <row r="44" spans="1:10">
      <c r="A44" s="188"/>
      <c r="B44" s="192"/>
      <c r="C44" s="191" t="s">
        <v>1695</v>
      </c>
      <c r="D44" s="192"/>
      <c r="E44" s="192"/>
      <c r="F44" s="190"/>
      <c r="G44" s="190" t="s">
        <v>1696</v>
      </c>
      <c r="H44" s="190"/>
      <c r="I44" s="195" t="s">
        <v>1697</v>
      </c>
      <c r="J44" s="186"/>
    </row>
    <row r="45" spans="1:10">
      <c r="A45" s="188"/>
      <c r="B45" s="192"/>
      <c r="C45" s="191" t="s">
        <v>1698</v>
      </c>
      <c r="D45" s="192"/>
      <c r="E45" s="192"/>
      <c r="F45" s="190"/>
      <c r="G45" s="194" t="s">
        <v>1699</v>
      </c>
      <c r="H45" s="190"/>
      <c r="I45" s="190"/>
      <c r="J45" s="186"/>
    </row>
    <row r="46" spans="1:10">
      <c r="A46" s="188"/>
      <c r="B46" s="192"/>
      <c r="C46" s="192" t="s">
        <v>1700</v>
      </c>
      <c r="D46" s="192"/>
      <c r="E46" s="192"/>
      <c r="F46" s="190"/>
      <c r="G46" s="194" t="s">
        <v>1701</v>
      </c>
      <c r="H46" s="190"/>
      <c r="I46" s="193" t="s">
        <v>61</v>
      </c>
      <c r="J46" s="186"/>
    </row>
    <row r="47" spans="1:10">
      <c r="A47" s="188"/>
      <c r="B47" s="192"/>
      <c r="C47" s="191" t="s">
        <v>1702</v>
      </c>
      <c r="D47" s="192"/>
      <c r="E47" s="192"/>
      <c r="F47" s="190"/>
      <c r="G47" s="194" t="s">
        <v>1703</v>
      </c>
      <c r="H47" s="190"/>
      <c r="I47" s="190" t="s">
        <v>1704</v>
      </c>
      <c r="J47" s="186"/>
    </row>
    <row r="48" spans="1:10">
      <c r="A48" s="196"/>
      <c r="B48" s="192"/>
      <c r="C48" s="191" t="s">
        <v>1705</v>
      </c>
      <c r="D48" s="192"/>
      <c r="E48" s="192"/>
      <c r="F48" s="190"/>
      <c r="G48" s="190" t="s">
        <v>1706</v>
      </c>
      <c r="H48" s="190"/>
      <c r="I48" s="190" t="s">
        <v>1707</v>
      </c>
      <c r="J48" s="186"/>
    </row>
    <row r="49" spans="1:10">
      <c r="A49" s="188"/>
      <c r="B49" s="192"/>
      <c r="C49" s="191" t="s">
        <v>1708</v>
      </c>
      <c r="D49" s="192"/>
      <c r="E49" s="192"/>
      <c r="F49" s="190"/>
      <c r="G49" s="190"/>
      <c r="H49" s="190"/>
      <c r="I49" s="190" t="s">
        <v>1709</v>
      </c>
      <c r="J49" s="186"/>
    </row>
    <row r="50" spans="1:10">
      <c r="A50" s="196"/>
      <c r="B50" s="192"/>
      <c r="C50" s="192" t="s">
        <v>618</v>
      </c>
      <c r="D50" s="192"/>
      <c r="E50" s="192"/>
      <c r="F50" s="190"/>
      <c r="G50" s="190"/>
      <c r="H50" s="190"/>
      <c r="I50" s="194" t="s">
        <v>619</v>
      </c>
      <c r="J50" s="186"/>
    </row>
    <row r="51" spans="1:10">
      <c r="A51" s="196"/>
      <c r="B51" s="192"/>
      <c r="C51" s="191" t="s">
        <v>1710</v>
      </c>
      <c r="D51" s="192"/>
      <c r="E51" s="192"/>
      <c r="F51" s="190"/>
      <c r="G51" s="190"/>
      <c r="H51" s="190"/>
      <c r="I51" s="194" t="s">
        <v>1711</v>
      </c>
      <c r="J51" s="186"/>
    </row>
    <row r="52" spans="1:10">
      <c r="A52" s="196"/>
      <c r="B52" s="192"/>
      <c r="C52" s="192" t="s">
        <v>1712</v>
      </c>
      <c r="D52" s="192"/>
      <c r="E52" s="192"/>
      <c r="F52" s="190"/>
      <c r="G52" s="190"/>
      <c r="H52" s="190"/>
      <c r="I52" s="194" t="s">
        <v>1713</v>
      </c>
      <c r="J52" s="186"/>
    </row>
    <row r="53" spans="1:10">
      <c r="A53" s="188"/>
      <c r="B53" s="192"/>
      <c r="C53" s="191" t="s">
        <v>1714</v>
      </c>
      <c r="D53" s="192"/>
      <c r="E53" s="192"/>
      <c r="F53" s="190"/>
      <c r="G53" s="190"/>
      <c r="H53" s="190"/>
      <c r="I53" s="197"/>
      <c r="J53" s="186"/>
    </row>
    <row r="54" spans="1:10">
      <c r="A54" s="188"/>
      <c r="B54" s="192"/>
      <c r="C54" s="191" t="s">
        <v>1715</v>
      </c>
      <c r="D54" s="192"/>
      <c r="E54" s="192"/>
      <c r="F54" s="190"/>
      <c r="G54" s="190"/>
      <c r="H54" s="190"/>
      <c r="I54" s="193" t="s">
        <v>620</v>
      </c>
      <c r="J54" s="186"/>
    </row>
    <row r="55" spans="1:10" ht="15" customHeight="1">
      <c r="A55" s="188"/>
      <c r="B55" s="192"/>
      <c r="C55" s="192" t="s">
        <v>1716</v>
      </c>
      <c r="D55" s="192"/>
      <c r="E55" s="192"/>
      <c r="F55" s="190"/>
      <c r="G55" s="190"/>
      <c r="H55" s="190"/>
      <c r="I55" s="190" t="s">
        <v>1717</v>
      </c>
      <c r="J55" s="186"/>
    </row>
    <row r="56" spans="1:10">
      <c r="A56" s="188"/>
      <c r="B56" s="192"/>
      <c r="C56" s="192" t="s">
        <v>1718</v>
      </c>
      <c r="D56" s="192"/>
      <c r="E56" s="192"/>
      <c r="F56" s="190"/>
      <c r="G56" s="190"/>
      <c r="H56" s="190"/>
      <c r="I56" s="194" t="s">
        <v>1719</v>
      </c>
      <c r="J56" s="186"/>
    </row>
    <row r="57" spans="1:10">
      <c r="A57" s="188"/>
      <c r="B57" s="192"/>
      <c r="C57" s="191" t="s">
        <v>1720</v>
      </c>
      <c r="D57" s="192"/>
      <c r="E57" s="192"/>
      <c r="F57" s="190"/>
      <c r="G57" s="190"/>
      <c r="H57" s="190"/>
      <c r="I57" s="190" t="s">
        <v>1721</v>
      </c>
      <c r="J57" s="186"/>
    </row>
    <row r="58" spans="1:10">
      <c r="A58" s="188"/>
      <c r="B58" s="192"/>
      <c r="C58" s="191" t="s">
        <v>1722</v>
      </c>
      <c r="D58" s="192"/>
      <c r="E58" s="192"/>
      <c r="F58" s="190"/>
      <c r="G58" s="190"/>
      <c r="H58" s="190"/>
      <c r="I58" s="194"/>
      <c r="J58" s="186"/>
    </row>
    <row r="59" spans="1:10">
      <c r="A59" s="188"/>
      <c r="B59" s="192"/>
      <c r="C59" s="191" t="s">
        <v>1723</v>
      </c>
      <c r="D59" s="192"/>
      <c r="E59" s="192"/>
      <c r="F59" s="190"/>
      <c r="G59" s="190"/>
      <c r="H59" s="190"/>
      <c r="I59" s="193" t="s">
        <v>63</v>
      </c>
      <c r="J59" s="186"/>
    </row>
    <row r="60" spans="1:10">
      <c r="A60" s="188"/>
      <c r="B60" s="192"/>
      <c r="C60" s="192" t="s">
        <v>1724</v>
      </c>
      <c r="D60" s="192"/>
      <c r="E60" s="192"/>
      <c r="F60" s="190"/>
      <c r="G60" s="190"/>
      <c r="H60" s="190"/>
      <c r="I60" s="190" t="s">
        <v>1725</v>
      </c>
      <c r="J60" s="186"/>
    </row>
    <row r="61" spans="1:10">
      <c r="A61" s="188"/>
      <c r="B61" s="192"/>
      <c r="C61" s="191" t="s">
        <v>1726</v>
      </c>
      <c r="D61" s="192"/>
      <c r="E61" s="192"/>
      <c r="F61" s="198"/>
      <c r="G61" s="198"/>
      <c r="H61" s="192"/>
      <c r="I61" s="192" t="s">
        <v>1727</v>
      </c>
      <c r="J61" s="186"/>
    </row>
    <row r="62" spans="1:10" ht="135">
      <c r="A62" s="188"/>
      <c r="B62" s="192"/>
      <c r="C62" s="192" t="s">
        <v>621</v>
      </c>
      <c r="D62" s="192"/>
      <c r="E62" s="192"/>
      <c r="F62" s="198"/>
      <c r="G62" s="198"/>
      <c r="H62" s="192"/>
      <c r="I62" s="197" t="s">
        <v>1728</v>
      </c>
      <c r="J62" s="186"/>
    </row>
    <row r="63" spans="1:10">
      <c r="A63" s="188"/>
      <c r="B63" s="192"/>
      <c r="C63" s="191" t="s">
        <v>1729</v>
      </c>
      <c r="D63" s="192"/>
      <c r="E63" s="192"/>
      <c r="F63" s="198"/>
      <c r="G63" s="198"/>
      <c r="H63" s="192"/>
      <c r="I63" s="194"/>
      <c r="J63" s="186"/>
    </row>
    <row r="64" spans="1:10">
      <c r="A64" s="188"/>
      <c r="B64" s="192"/>
      <c r="C64" s="191" t="s">
        <v>1730</v>
      </c>
      <c r="D64" s="192"/>
      <c r="E64" s="192"/>
      <c r="F64" s="198"/>
      <c r="G64" s="198"/>
      <c r="H64" s="192"/>
      <c r="I64" s="193" t="s">
        <v>1731</v>
      </c>
      <c r="J64" s="186"/>
    </row>
    <row r="65" spans="1:10" ht="14.65" customHeight="1">
      <c r="A65" s="188"/>
      <c r="B65" s="192"/>
      <c r="C65" s="191"/>
      <c r="D65" s="192"/>
      <c r="E65" s="192"/>
      <c r="F65" s="198"/>
      <c r="G65" s="198"/>
      <c r="H65" s="192"/>
      <c r="I65" s="370" t="s">
        <v>1732</v>
      </c>
      <c r="J65" s="186"/>
    </row>
    <row r="66" spans="1:10">
      <c r="A66" s="188"/>
      <c r="B66" s="192"/>
      <c r="C66" s="191"/>
      <c r="D66" s="192"/>
      <c r="E66" s="192"/>
      <c r="F66" s="198"/>
      <c r="G66" s="198"/>
      <c r="H66" s="192"/>
      <c r="I66" s="370"/>
      <c r="J66" s="186"/>
    </row>
    <row r="67" spans="1:10">
      <c r="A67" s="188"/>
      <c r="F67" s="199"/>
      <c r="H67" s="188"/>
      <c r="I67" s="200"/>
      <c r="J67" s="186"/>
    </row>
    <row r="68" spans="1:10" ht="21">
      <c r="A68" s="388" t="s">
        <v>1733</v>
      </c>
      <c r="B68" s="201"/>
      <c r="C68" s="201"/>
      <c r="D68" s="201"/>
      <c r="E68" s="201"/>
      <c r="F68" s="201"/>
      <c r="G68" s="201"/>
      <c r="H68" s="201"/>
      <c r="I68" s="200"/>
      <c r="J68" s="186"/>
    </row>
    <row r="69" spans="1:10" ht="15.75">
      <c r="A69" s="184" t="s">
        <v>19</v>
      </c>
      <c r="B69" s="185" t="s">
        <v>596</v>
      </c>
      <c r="C69" s="185" t="s">
        <v>597</v>
      </c>
      <c r="D69" s="185" t="s">
        <v>598</v>
      </c>
      <c r="E69" s="185"/>
      <c r="F69" s="185" t="s">
        <v>599</v>
      </c>
      <c r="G69" s="185" t="s">
        <v>600</v>
      </c>
      <c r="H69" s="185" t="s">
        <v>601</v>
      </c>
      <c r="J69" s="186"/>
    </row>
    <row r="70" spans="1:10">
      <c r="A70" s="187" t="s">
        <v>64</v>
      </c>
      <c r="B70" s="187" t="s">
        <v>65</v>
      </c>
      <c r="C70" s="202">
        <v>3</v>
      </c>
      <c r="D70" s="187" t="s">
        <v>622</v>
      </c>
      <c r="E70" s="187" t="s">
        <v>54</v>
      </c>
      <c r="F70" s="187" t="s">
        <v>623</v>
      </c>
      <c r="G70" s="187" t="s">
        <v>57</v>
      </c>
      <c r="H70" s="187" t="s">
        <v>66</v>
      </c>
      <c r="J70" s="186"/>
    </row>
    <row r="71" spans="1:10">
      <c r="A71" s="187" t="s">
        <v>67</v>
      </c>
      <c r="B71" s="187" t="s">
        <v>65</v>
      </c>
      <c r="C71" s="202">
        <v>3</v>
      </c>
      <c r="D71" s="187" t="s">
        <v>624</v>
      </c>
      <c r="E71" s="187" t="s">
        <v>54</v>
      </c>
      <c r="F71" s="187" t="s">
        <v>625</v>
      </c>
      <c r="G71" s="187" t="s">
        <v>56</v>
      </c>
      <c r="H71" s="187" t="s">
        <v>68</v>
      </c>
      <c r="J71" s="186"/>
    </row>
    <row r="72" spans="1:10">
      <c r="A72" s="188"/>
      <c r="J72" s="186"/>
    </row>
    <row r="73" spans="1:10" ht="30">
      <c r="A73" s="188"/>
      <c r="B73" s="189" t="s">
        <v>626</v>
      </c>
      <c r="C73" s="189" t="s">
        <v>627</v>
      </c>
      <c r="D73" s="189" t="s">
        <v>628</v>
      </c>
      <c r="E73" s="185"/>
      <c r="F73" s="189" t="s">
        <v>629</v>
      </c>
      <c r="G73" s="189" t="s">
        <v>630</v>
      </c>
      <c r="H73" s="189" t="s">
        <v>631</v>
      </c>
      <c r="J73" s="186"/>
    </row>
    <row r="74" spans="1:10">
      <c r="A74" s="188"/>
      <c r="B74" s="190" t="s">
        <v>69</v>
      </c>
      <c r="C74" s="192" t="s">
        <v>70</v>
      </c>
      <c r="D74" s="192" t="s">
        <v>71</v>
      </c>
      <c r="E74" s="190"/>
      <c r="F74" s="192" t="s">
        <v>632</v>
      </c>
      <c r="G74" s="190" t="s">
        <v>633</v>
      </c>
      <c r="H74" s="190" t="s">
        <v>634</v>
      </c>
      <c r="J74" s="186"/>
    </row>
    <row r="75" spans="1:10">
      <c r="A75" s="188"/>
      <c r="B75" s="190"/>
      <c r="C75" s="192" t="s">
        <v>72</v>
      </c>
      <c r="D75" s="192" t="s">
        <v>73</v>
      </c>
      <c r="E75" s="190"/>
      <c r="F75" s="192" t="s">
        <v>635</v>
      </c>
      <c r="G75" s="190" t="s">
        <v>636</v>
      </c>
      <c r="H75" s="190" t="s">
        <v>637</v>
      </c>
      <c r="J75" s="186"/>
    </row>
    <row r="76" spans="1:10">
      <c r="B76" s="192"/>
      <c r="C76" s="192" t="s">
        <v>74</v>
      </c>
      <c r="D76" s="192" t="s">
        <v>75</v>
      </c>
      <c r="E76" s="190"/>
      <c r="F76" s="192" t="s">
        <v>638</v>
      </c>
      <c r="G76" s="190"/>
      <c r="H76" s="190"/>
      <c r="I76" s="186"/>
      <c r="J76" s="186"/>
    </row>
    <row r="77" spans="1:10">
      <c r="B77" s="192"/>
      <c r="C77" s="192"/>
      <c r="D77" s="192" t="s">
        <v>76</v>
      </c>
      <c r="E77" s="190"/>
      <c r="F77" s="192" t="s">
        <v>639</v>
      </c>
      <c r="G77" s="190"/>
      <c r="H77" s="190"/>
      <c r="I77" s="186"/>
      <c r="J77" s="186"/>
    </row>
    <row r="78" spans="1:10">
      <c r="B78" s="192"/>
      <c r="C78" s="192"/>
      <c r="D78" s="192" t="s">
        <v>77</v>
      </c>
      <c r="E78" s="190"/>
      <c r="F78" s="192" t="s">
        <v>640</v>
      </c>
      <c r="G78" s="190"/>
      <c r="H78" s="190"/>
      <c r="I78" s="186"/>
      <c r="J78" s="186"/>
    </row>
    <row r="79" spans="1:10">
      <c r="B79" s="192"/>
      <c r="C79" s="192"/>
      <c r="D79" s="192"/>
      <c r="E79" s="190"/>
      <c r="F79" s="192" t="s">
        <v>641</v>
      </c>
      <c r="G79" s="187"/>
      <c r="H79" s="190"/>
      <c r="I79" s="186"/>
      <c r="J79" s="186"/>
    </row>
    <row r="80" spans="1:10">
      <c r="B80" s="192"/>
      <c r="C80" s="192"/>
      <c r="D80" s="192"/>
      <c r="E80" s="190"/>
      <c r="F80" s="192" t="s">
        <v>642</v>
      </c>
      <c r="G80" s="190"/>
      <c r="H80" s="190"/>
      <c r="I80" s="186"/>
      <c r="J80" s="186"/>
    </row>
    <row r="81" spans="1:10">
      <c r="B81" s="192"/>
      <c r="C81" s="192"/>
      <c r="D81" s="192"/>
      <c r="E81" s="190"/>
      <c r="F81" s="192" t="s">
        <v>643</v>
      </c>
      <c r="G81" s="190"/>
      <c r="H81" s="190"/>
      <c r="I81" s="186"/>
      <c r="J81" s="186"/>
    </row>
    <row r="82" spans="1:10">
      <c r="B82" s="192"/>
      <c r="C82" s="192"/>
      <c r="D82" s="192"/>
      <c r="E82" s="190"/>
      <c r="F82" s="192"/>
      <c r="G82" s="190"/>
      <c r="H82" s="190"/>
      <c r="I82" s="186"/>
      <c r="J82" s="186"/>
    </row>
    <row r="83" spans="1:10">
      <c r="B83" s="192"/>
      <c r="C83" s="192"/>
      <c r="D83" s="192"/>
      <c r="E83" s="190"/>
      <c r="F83" s="192"/>
      <c r="G83" s="190"/>
      <c r="H83" s="190"/>
      <c r="I83" s="186"/>
      <c r="J83" s="186"/>
    </row>
    <row r="84" spans="1:10">
      <c r="B84" s="192"/>
      <c r="C84" s="192"/>
      <c r="D84" s="192"/>
      <c r="E84" s="190"/>
      <c r="F84" s="192"/>
      <c r="G84" s="190"/>
      <c r="H84" s="190"/>
      <c r="I84" s="186"/>
      <c r="J84" s="186"/>
    </row>
    <row r="85" spans="1:10">
      <c r="A85" s="188"/>
      <c r="F85" s="199"/>
      <c r="H85" s="188"/>
      <c r="J85" s="186"/>
    </row>
    <row r="86" spans="1:10">
      <c r="A86" s="188"/>
      <c r="F86" s="199"/>
      <c r="H86" s="188"/>
      <c r="J86" s="186"/>
    </row>
    <row r="87" spans="1:10">
      <c r="A87" s="347" t="s">
        <v>1344</v>
      </c>
      <c r="F87" s="199"/>
      <c r="H87" s="188"/>
      <c r="J87" s="186"/>
    </row>
    <row r="88" spans="1:10" ht="15.75">
      <c r="A88" s="348" t="s">
        <v>1345</v>
      </c>
      <c r="B88" s="348" t="s">
        <v>1346</v>
      </c>
      <c r="C88" s="348" t="s">
        <v>1347</v>
      </c>
      <c r="D88" s="348" t="s">
        <v>1348</v>
      </c>
      <c r="E88" s="348" t="s">
        <v>1349</v>
      </c>
      <c r="F88" s="348" t="s">
        <v>1350</v>
      </c>
      <c r="G88" s="348" t="s">
        <v>1351</v>
      </c>
      <c r="H88" s="348"/>
      <c r="I88" s="348" t="s">
        <v>1352</v>
      </c>
      <c r="J88" s="186"/>
    </row>
    <row r="89" spans="1:10">
      <c r="A89" s="349" t="s">
        <v>1353</v>
      </c>
      <c r="B89" s="349" t="s">
        <v>1354</v>
      </c>
      <c r="C89" s="349" t="s">
        <v>1355</v>
      </c>
      <c r="D89" s="349" t="s">
        <v>1356</v>
      </c>
      <c r="E89" s="349" t="s">
        <v>1357</v>
      </c>
      <c r="F89" s="349" t="s">
        <v>1358</v>
      </c>
      <c r="G89" s="349"/>
      <c r="H89" s="349" t="s">
        <v>1359</v>
      </c>
      <c r="I89" s="349"/>
      <c r="J89" s="186"/>
    </row>
    <row r="90" spans="1:10">
      <c r="A90" s="349" t="s">
        <v>1360</v>
      </c>
      <c r="B90" s="349" t="s">
        <v>1354</v>
      </c>
      <c r="C90" s="350" t="s">
        <v>1361</v>
      </c>
      <c r="D90" s="350" t="s">
        <v>1362</v>
      </c>
      <c r="E90" s="350" t="s">
        <v>1363</v>
      </c>
      <c r="F90" s="350" t="s">
        <v>1362</v>
      </c>
      <c r="G90" s="349" t="s">
        <v>1364</v>
      </c>
      <c r="H90" s="349" t="s">
        <v>1359</v>
      </c>
      <c r="I90" s="349"/>
      <c r="J90" s="186"/>
    </row>
    <row r="91" spans="1:10">
      <c r="A91" s="349" t="s">
        <v>1365</v>
      </c>
      <c r="B91" s="349" t="s">
        <v>1354</v>
      </c>
      <c r="C91" s="349" t="s">
        <v>1366</v>
      </c>
      <c r="D91" s="349" t="s">
        <v>1356</v>
      </c>
      <c r="E91" s="349" t="s">
        <v>1367</v>
      </c>
      <c r="F91" s="349" t="s">
        <v>1358</v>
      </c>
      <c r="G91" s="349" t="s">
        <v>1368</v>
      </c>
      <c r="H91" s="349" t="s">
        <v>1359</v>
      </c>
      <c r="I91" s="349" t="s">
        <v>1369</v>
      </c>
      <c r="J91" s="186"/>
    </row>
    <row r="92" spans="1:10">
      <c r="A92" s="351"/>
      <c r="B92" s="351"/>
      <c r="C92" s="351"/>
      <c r="D92" s="351"/>
      <c r="E92" s="351"/>
      <c r="F92" s="352"/>
      <c r="G92" s="352"/>
      <c r="H92" s="351"/>
      <c r="I92" s="351"/>
      <c r="J92" s="186"/>
    </row>
    <row r="93" spans="1:10" ht="45">
      <c r="A93" s="351"/>
      <c r="B93" s="348" t="s">
        <v>1370</v>
      </c>
      <c r="C93" s="353" t="s">
        <v>1371</v>
      </c>
      <c r="D93" s="353" t="s">
        <v>1372</v>
      </c>
      <c r="E93" s="353" t="s">
        <v>1373</v>
      </c>
      <c r="F93" s="353" t="s">
        <v>1374</v>
      </c>
      <c r="G93" s="353" t="s">
        <v>1375</v>
      </c>
      <c r="H93" s="348"/>
      <c r="I93" s="353" t="s">
        <v>1376</v>
      </c>
      <c r="J93" s="186"/>
    </row>
    <row r="94" spans="1:10">
      <c r="A94" s="351"/>
      <c r="B94" s="354" t="s">
        <v>1377</v>
      </c>
      <c r="C94" s="355" t="s">
        <v>1378</v>
      </c>
      <c r="D94" s="355" t="s">
        <v>1379</v>
      </c>
      <c r="E94" s="355" t="s">
        <v>1380</v>
      </c>
      <c r="F94" s="354" t="s">
        <v>1381</v>
      </c>
      <c r="G94" s="354" t="s">
        <v>1382</v>
      </c>
      <c r="H94" s="354"/>
      <c r="I94" s="354" t="s">
        <v>1383</v>
      </c>
      <c r="J94" s="186"/>
    </row>
    <row r="95" spans="1:10">
      <c r="A95" s="351"/>
      <c r="B95" s="354"/>
      <c r="C95" s="355" t="s">
        <v>1384</v>
      </c>
      <c r="D95" s="355" t="s">
        <v>1385</v>
      </c>
      <c r="E95" s="355" t="s">
        <v>1386</v>
      </c>
      <c r="F95" s="354" t="s">
        <v>1387</v>
      </c>
      <c r="G95" s="354" t="s">
        <v>1388</v>
      </c>
      <c r="H95" s="354"/>
      <c r="I95" s="354"/>
      <c r="J95" s="186"/>
    </row>
    <row r="96" spans="1:10">
      <c r="A96" s="351"/>
      <c r="B96" s="355"/>
      <c r="C96" s="355" t="s">
        <v>1389</v>
      </c>
      <c r="D96" s="355" t="s">
        <v>1390</v>
      </c>
      <c r="E96" s="355" t="s">
        <v>1391</v>
      </c>
      <c r="F96" s="354" t="s">
        <v>1392</v>
      </c>
      <c r="G96" s="354" t="s">
        <v>1393</v>
      </c>
      <c r="H96" s="354"/>
      <c r="I96" s="354"/>
      <c r="J96" s="186"/>
    </row>
    <row r="97" spans="1:10">
      <c r="A97" s="351"/>
      <c r="B97" s="355"/>
      <c r="C97" s="355"/>
      <c r="D97" s="355"/>
      <c r="E97" s="355" t="s">
        <v>1394</v>
      </c>
      <c r="F97" s="354" t="s">
        <v>1395</v>
      </c>
      <c r="G97" s="354" t="s">
        <v>1396</v>
      </c>
      <c r="H97" s="354"/>
      <c r="I97" s="354"/>
      <c r="J97" s="186"/>
    </row>
    <row r="98" spans="1:10">
      <c r="A98" s="351"/>
      <c r="B98" s="355"/>
      <c r="C98" s="355"/>
      <c r="D98" s="355"/>
      <c r="E98" s="355" t="s">
        <v>1397</v>
      </c>
      <c r="F98" s="354"/>
      <c r="G98" s="354"/>
      <c r="H98" s="354"/>
      <c r="I98" s="354"/>
      <c r="J98" s="186"/>
    </row>
    <row r="99" spans="1:10">
      <c r="A99" s="351"/>
      <c r="B99" s="355"/>
      <c r="C99" s="355"/>
      <c r="D99" s="356"/>
      <c r="E99" s="355" t="s">
        <v>1398</v>
      </c>
      <c r="F99" s="354"/>
      <c r="G99" s="354"/>
      <c r="H99" s="354"/>
      <c r="I99" s="354"/>
      <c r="J99" s="186"/>
    </row>
    <row r="100" spans="1:10">
      <c r="A100" s="351"/>
      <c r="B100" s="355"/>
      <c r="C100" s="355"/>
      <c r="D100" s="355"/>
      <c r="E100" s="355" t="s">
        <v>1399</v>
      </c>
      <c r="F100" s="354"/>
      <c r="G100" s="354"/>
      <c r="H100" s="354"/>
      <c r="I100" s="354"/>
      <c r="J100" s="186"/>
    </row>
    <row r="101" spans="1:10">
      <c r="A101" s="351"/>
      <c r="B101" s="355"/>
      <c r="C101" s="355"/>
      <c r="D101" s="355"/>
      <c r="E101" s="355" t="s">
        <v>1400</v>
      </c>
      <c r="F101" s="354"/>
      <c r="G101" s="354"/>
      <c r="H101" s="354"/>
      <c r="I101" s="357"/>
      <c r="J101" s="186"/>
    </row>
    <row r="102" spans="1:10">
      <c r="A102" s="351"/>
      <c r="B102" s="355"/>
      <c r="C102" s="355"/>
      <c r="D102" s="355"/>
      <c r="E102" s="355" t="s">
        <v>1401</v>
      </c>
      <c r="F102" s="354"/>
      <c r="G102" s="354"/>
      <c r="H102" s="354"/>
      <c r="I102" s="354"/>
      <c r="J102" s="186"/>
    </row>
    <row r="103" spans="1:10">
      <c r="A103" s="351"/>
      <c r="B103" s="355"/>
      <c r="C103" s="355"/>
      <c r="D103" s="355"/>
      <c r="E103" s="355" t="s">
        <v>1402</v>
      </c>
      <c r="F103" s="354"/>
      <c r="G103" s="354"/>
      <c r="H103" s="354"/>
      <c r="I103" s="354"/>
      <c r="J103" s="186"/>
    </row>
    <row r="104" spans="1:10">
      <c r="A104" s="351"/>
      <c r="B104" s="355"/>
      <c r="C104" s="355"/>
      <c r="D104" s="355"/>
      <c r="E104" s="355" t="s">
        <v>1403</v>
      </c>
      <c r="F104" s="354"/>
      <c r="G104" s="354"/>
      <c r="H104" s="354"/>
      <c r="I104" s="354"/>
      <c r="J104" s="186"/>
    </row>
    <row r="105" spans="1:10">
      <c r="A105" s="351"/>
      <c r="B105" s="355"/>
      <c r="C105" s="355"/>
      <c r="D105" s="355"/>
      <c r="E105" s="355" t="s">
        <v>1404</v>
      </c>
      <c r="F105" s="354"/>
      <c r="G105" s="354"/>
      <c r="H105" s="354"/>
      <c r="I105" s="354"/>
      <c r="J105" s="186"/>
    </row>
    <row r="106" spans="1:10">
      <c r="A106" s="351"/>
      <c r="B106" s="355"/>
      <c r="C106" s="355"/>
      <c r="D106" s="355"/>
      <c r="E106" s="355" t="s">
        <v>1405</v>
      </c>
      <c r="F106" s="354"/>
      <c r="G106" s="354"/>
      <c r="H106" s="354"/>
      <c r="I106" s="357"/>
      <c r="J106" s="186"/>
    </row>
    <row r="107" spans="1:10">
      <c r="A107" s="351"/>
      <c r="B107" s="355"/>
      <c r="C107" s="355"/>
      <c r="D107" s="355"/>
      <c r="E107" s="355"/>
      <c r="F107" s="354"/>
      <c r="G107" s="354"/>
      <c r="H107" s="354"/>
      <c r="I107" s="354"/>
      <c r="J107" s="186"/>
    </row>
    <row r="108" spans="1:10">
      <c r="A108" s="351"/>
      <c r="B108" s="355"/>
      <c r="C108" s="355"/>
      <c r="D108" s="355"/>
      <c r="E108" s="355"/>
      <c r="F108" s="354"/>
      <c r="G108" s="354"/>
      <c r="H108" s="354"/>
      <c r="I108" s="354"/>
      <c r="J108" s="186"/>
    </row>
    <row r="109" spans="1:10">
      <c r="A109"/>
      <c r="B109"/>
      <c r="C109"/>
      <c r="D109"/>
      <c r="E109"/>
      <c r="F109"/>
      <c r="G109"/>
      <c r="H109"/>
      <c r="I109"/>
      <c r="J109" s="186"/>
    </row>
    <row r="110" spans="1:10" ht="15.75">
      <c r="A110" s="348" t="s">
        <v>1345</v>
      </c>
      <c r="B110" s="348" t="s">
        <v>1346</v>
      </c>
      <c r="C110" s="348" t="s">
        <v>1347</v>
      </c>
      <c r="D110" s="348" t="s">
        <v>1348</v>
      </c>
      <c r="E110" s="348" t="s">
        <v>1349</v>
      </c>
      <c r="F110" s="348" t="s">
        <v>1350</v>
      </c>
      <c r="G110" s="348" t="s">
        <v>1351</v>
      </c>
      <c r="H110" s="348"/>
      <c r="I110" s="348" t="s">
        <v>1352</v>
      </c>
      <c r="J110" s="186"/>
    </row>
    <row r="111" spans="1:10">
      <c r="A111" s="349" t="s">
        <v>1406</v>
      </c>
      <c r="B111" s="349" t="s">
        <v>1407</v>
      </c>
      <c r="C111" s="349" t="s">
        <v>1408</v>
      </c>
      <c r="D111" s="349" t="s">
        <v>1408</v>
      </c>
      <c r="E111" s="349" t="s">
        <v>1409</v>
      </c>
      <c r="F111" s="349"/>
      <c r="G111" s="349"/>
      <c r="H111" s="349" t="s">
        <v>1359</v>
      </c>
      <c r="I111" s="349"/>
      <c r="J111" s="186"/>
    </row>
    <row r="112" spans="1:10">
      <c r="A112" s="349" t="s">
        <v>1410</v>
      </c>
      <c r="B112" s="349" t="s">
        <v>1407</v>
      </c>
      <c r="C112" s="349" t="s">
        <v>1408</v>
      </c>
      <c r="D112" s="349" t="s">
        <v>1355</v>
      </c>
      <c r="E112" s="349" t="s">
        <v>1411</v>
      </c>
      <c r="F112" s="349"/>
      <c r="G112" s="349"/>
      <c r="H112" s="349" t="s">
        <v>1359</v>
      </c>
      <c r="I112" s="349"/>
      <c r="J112" s="186"/>
    </row>
    <row r="113" spans="1:11">
      <c r="A113" s="349" t="s">
        <v>1412</v>
      </c>
      <c r="B113" s="349" t="s">
        <v>1413</v>
      </c>
      <c r="C113" s="349" t="s">
        <v>1414</v>
      </c>
      <c r="D113" s="349" t="s">
        <v>1415</v>
      </c>
      <c r="E113" s="349" t="s">
        <v>1416</v>
      </c>
      <c r="F113" s="349" t="s">
        <v>1417</v>
      </c>
      <c r="G113" s="349"/>
      <c r="H113" s="349"/>
      <c r="I113" s="349"/>
      <c r="J113" s="186"/>
    </row>
    <row r="114" spans="1:11">
      <c r="A114" s="349" t="s">
        <v>1418</v>
      </c>
      <c r="B114" s="349" t="s">
        <v>1419</v>
      </c>
      <c r="C114" s="349" t="s">
        <v>1414</v>
      </c>
      <c r="D114" s="349" t="s">
        <v>1420</v>
      </c>
      <c r="E114" s="349" t="s">
        <v>1421</v>
      </c>
      <c r="F114" s="349" t="s">
        <v>1422</v>
      </c>
      <c r="G114" s="349"/>
      <c r="H114" s="349" t="s">
        <v>1359</v>
      </c>
      <c r="I114" s="349"/>
      <c r="J114" s="186"/>
    </row>
    <row r="115" spans="1:11">
      <c r="A115" s="351"/>
      <c r="B115" s="351"/>
      <c r="C115" s="351"/>
      <c r="D115" s="351"/>
      <c r="E115" s="351"/>
      <c r="F115" s="352"/>
      <c r="G115" s="352"/>
      <c r="H115" s="351"/>
      <c r="I115" s="351"/>
      <c r="J115" s="186"/>
    </row>
    <row r="116" spans="1:11" ht="45">
      <c r="A116" s="351"/>
      <c r="B116" s="348" t="s">
        <v>1370</v>
      </c>
      <c r="C116" s="353" t="s">
        <v>1423</v>
      </c>
      <c r="D116" s="358" t="s">
        <v>1424</v>
      </c>
      <c r="E116" s="353" t="s">
        <v>1425</v>
      </c>
      <c r="F116" s="353" t="s">
        <v>1426</v>
      </c>
      <c r="G116" s="358" t="s">
        <v>1427</v>
      </c>
      <c r="H116" s="348"/>
      <c r="I116" s="353" t="s">
        <v>1428</v>
      </c>
      <c r="J116" s="186"/>
    </row>
    <row r="117" spans="1:11">
      <c r="A117" s="351"/>
      <c r="B117" s="354" t="s">
        <v>1429</v>
      </c>
      <c r="C117" s="355" t="s">
        <v>1430</v>
      </c>
      <c r="D117" s="355" t="s">
        <v>1431</v>
      </c>
      <c r="E117" s="355" t="s">
        <v>1432</v>
      </c>
      <c r="F117" s="354" t="s">
        <v>1433</v>
      </c>
      <c r="G117" s="354"/>
      <c r="H117" s="354"/>
      <c r="I117" s="357"/>
      <c r="J117" s="186"/>
    </row>
    <row r="118" spans="1:11">
      <c r="A118" s="351"/>
      <c r="B118" s="354" t="s">
        <v>1434</v>
      </c>
      <c r="C118" s="359" t="s">
        <v>1435</v>
      </c>
      <c r="D118" s="355" t="s">
        <v>1436</v>
      </c>
      <c r="E118" s="355" t="s">
        <v>1437</v>
      </c>
      <c r="F118" s="354" t="s">
        <v>1438</v>
      </c>
      <c r="G118" s="354"/>
      <c r="H118" s="354"/>
      <c r="I118" s="354"/>
      <c r="J118" s="186"/>
    </row>
    <row r="119" spans="1:11">
      <c r="A119" s="351"/>
      <c r="B119" s="355" t="s">
        <v>1439</v>
      </c>
      <c r="C119" s="359"/>
      <c r="D119" s="355" t="s">
        <v>1440</v>
      </c>
      <c r="E119" s="355" t="s">
        <v>1441</v>
      </c>
      <c r="F119" s="354" t="s">
        <v>1442</v>
      </c>
      <c r="G119" s="354"/>
      <c r="H119" s="354"/>
      <c r="I119" s="354"/>
      <c r="J119" s="186"/>
    </row>
    <row r="120" spans="1:11">
      <c r="A120" s="351"/>
      <c r="B120" s="355"/>
      <c r="C120" s="355"/>
      <c r="D120" s="355" t="s">
        <v>1443</v>
      </c>
      <c r="E120" s="355" t="s">
        <v>1444</v>
      </c>
      <c r="F120" s="354"/>
      <c r="G120" s="354"/>
      <c r="H120" s="354"/>
      <c r="I120" s="354"/>
      <c r="J120" s="186"/>
    </row>
    <row r="121" spans="1:11">
      <c r="A121" s="351"/>
      <c r="B121" s="355"/>
      <c r="C121" s="355"/>
      <c r="D121" s="355"/>
      <c r="E121" s="355" t="s">
        <v>1445</v>
      </c>
      <c r="F121" s="354"/>
      <c r="G121" s="354"/>
      <c r="H121" s="354"/>
      <c r="I121" s="354"/>
      <c r="J121" s="186"/>
    </row>
    <row r="122" spans="1:11">
      <c r="A122" s="351"/>
      <c r="B122" s="355"/>
      <c r="C122" s="355"/>
      <c r="D122" s="355"/>
      <c r="E122" s="355"/>
      <c r="F122" s="354"/>
      <c r="G122" s="354"/>
      <c r="H122" s="354"/>
      <c r="I122" s="354"/>
      <c r="J122" s="186"/>
    </row>
    <row r="123" spans="1:11">
      <c r="A123" s="351"/>
      <c r="B123" s="355"/>
      <c r="C123" s="355"/>
      <c r="D123" s="355"/>
      <c r="E123" s="355"/>
      <c r="F123" s="354"/>
      <c r="G123" s="354"/>
      <c r="H123" s="354"/>
      <c r="I123" s="354"/>
      <c r="J123" s="186"/>
    </row>
    <row r="124" spans="1:11">
      <c r="A124"/>
      <c r="B124"/>
      <c r="C124"/>
      <c r="D124"/>
      <c r="E124"/>
      <c r="F124"/>
      <c r="G124"/>
      <c r="H124"/>
      <c r="I124"/>
      <c r="J124" s="186"/>
    </row>
    <row r="125" spans="1:11">
      <c r="A125" s="188"/>
      <c r="F125" s="199"/>
      <c r="H125" s="188"/>
      <c r="J125" s="186"/>
    </row>
    <row r="126" spans="1:11">
      <c r="A126" s="188"/>
      <c r="F126" s="199"/>
      <c r="H126" s="188"/>
      <c r="J126" s="186"/>
    </row>
    <row r="127" spans="1:11">
      <c r="A127" s="392" t="s">
        <v>1735</v>
      </c>
      <c r="F127" s="199"/>
      <c r="H127" s="188"/>
      <c r="J127" s="186"/>
    </row>
    <row r="128" spans="1:11" ht="15.75">
      <c r="A128" s="62" t="s">
        <v>19</v>
      </c>
      <c r="B128" s="63" t="s">
        <v>188</v>
      </c>
      <c r="C128" s="63" t="s">
        <v>190</v>
      </c>
      <c r="D128" s="64" t="s">
        <v>196</v>
      </c>
      <c r="E128" s="64" t="s">
        <v>197</v>
      </c>
      <c r="F128" s="64" t="s">
        <v>198</v>
      </c>
      <c r="G128" s="64" t="s">
        <v>199</v>
      </c>
      <c r="H128" s="64"/>
      <c r="I128" s="64" t="s">
        <v>200</v>
      </c>
      <c r="J128" s="64"/>
      <c r="K128" s="64" t="s">
        <v>187</v>
      </c>
    </row>
    <row r="129" spans="1:11">
      <c r="A129" s="65" t="s">
        <v>50</v>
      </c>
      <c r="B129" s="66" t="s">
        <v>51</v>
      </c>
      <c r="C129" s="66">
        <v>36</v>
      </c>
      <c r="D129" s="66">
        <v>1</v>
      </c>
      <c r="E129" s="66">
        <v>1</v>
      </c>
      <c r="F129" s="66" t="s">
        <v>52</v>
      </c>
      <c r="G129" s="66" t="s">
        <v>53</v>
      </c>
      <c r="H129" s="66" t="s">
        <v>54</v>
      </c>
      <c r="I129" s="66" t="s">
        <v>55</v>
      </c>
      <c r="J129" s="67" t="s">
        <v>54</v>
      </c>
      <c r="K129" s="67" t="s">
        <v>150</v>
      </c>
    </row>
    <row r="130" spans="1:11">
      <c r="A130" s="65" t="s">
        <v>15</v>
      </c>
      <c r="B130" s="66" t="s">
        <v>51</v>
      </c>
      <c r="C130" s="68">
        <v>21</v>
      </c>
      <c r="D130" s="68">
        <v>2</v>
      </c>
      <c r="E130" s="66">
        <v>2</v>
      </c>
      <c r="F130" s="66" t="s">
        <v>52</v>
      </c>
      <c r="G130" s="66" t="s">
        <v>53</v>
      </c>
      <c r="H130" s="66" t="s">
        <v>54</v>
      </c>
      <c r="I130" s="66" t="s">
        <v>151</v>
      </c>
      <c r="J130" s="67" t="s">
        <v>54</v>
      </c>
      <c r="K130" s="67" t="s">
        <v>137</v>
      </c>
    </row>
    <row r="131" spans="1:11">
      <c r="A131" s="65" t="s">
        <v>152</v>
      </c>
      <c r="B131" s="66" t="s">
        <v>51</v>
      </c>
      <c r="C131" s="68">
        <v>32</v>
      </c>
      <c r="D131" s="68">
        <v>3</v>
      </c>
      <c r="E131" s="68">
        <v>8</v>
      </c>
      <c r="F131" s="66" t="s">
        <v>56</v>
      </c>
      <c r="G131" s="66" t="s">
        <v>53</v>
      </c>
      <c r="H131" s="66" t="s">
        <v>54</v>
      </c>
      <c r="I131" s="66" t="s">
        <v>155</v>
      </c>
      <c r="J131" s="67"/>
      <c r="K131" s="67"/>
    </row>
    <row r="132" spans="1:11">
      <c r="A132" s="65" t="s">
        <v>277</v>
      </c>
      <c r="B132" s="66" t="s">
        <v>51</v>
      </c>
      <c r="C132" s="68">
        <v>32</v>
      </c>
      <c r="D132" s="68"/>
      <c r="E132" s="68">
        <v>2</v>
      </c>
      <c r="F132" s="66" t="s">
        <v>56</v>
      </c>
      <c r="G132" s="66" t="s">
        <v>53</v>
      </c>
      <c r="H132" s="66" t="s">
        <v>54</v>
      </c>
      <c r="I132" s="66" t="s">
        <v>325</v>
      </c>
      <c r="J132" s="67" t="s">
        <v>54</v>
      </c>
      <c r="K132" s="67" t="s">
        <v>137</v>
      </c>
    </row>
    <row r="133" spans="1:11">
      <c r="A133" s="65" t="s">
        <v>153</v>
      </c>
      <c r="B133" s="66" t="s">
        <v>51</v>
      </c>
      <c r="C133" s="68">
        <v>26</v>
      </c>
      <c r="D133" s="68"/>
      <c r="E133" s="68">
        <v>2</v>
      </c>
      <c r="F133" s="66" t="s">
        <v>56</v>
      </c>
      <c r="G133" s="66" t="s">
        <v>154</v>
      </c>
      <c r="H133" s="66" t="s">
        <v>54</v>
      </c>
      <c r="I133" s="66" t="s">
        <v>156</v>
      </c>
      <c r="J133" s="67"/>
      <c r="K133" s="67"/>
    </row>
    <row r="134" spans="1:11">
      <c r="A134" s="65" t="s">
        <v>17</v>
      </c>
      <c r="B134" s="66" t="s">
        <v>51</v>
      </c>
      <c r="C134" s="68">
        <v>63</v>
      </c>
      <c r="D134" s="68">
        <v>2</v>
      </c>
      <c r="E134" s="68">
        <v>2</v>
      </c>
      <c r="F134" s="66" t="s">
        <v>57</v>
      </c>
      <c r="G134" s="66" t="s">
        <v>157</v>
      </c>
      <c r="H134" s="66" t="s">
        <v>54</v>
      </c>
      <c r="I134" s="66" t="s">
        <v>158</v>
      </c>
      <c r="J134" s="67" t="s">
        <v>54</v>
      </c>
      <c r="K134" s="67" t="s">
        <v>137</v>
      </c>
    </row>
    <row r="135" spans="1:11">
      <c r="A135" s="69"/>
      <c r="B135" s="668"/>
      <c r="C135" s="668"/>
      <c r="D135" s="668"/>
      <c r="E135" s="668"/>
      <c r="F135" s="669"/>
      <c r="G135" s="669"/>
      <c r="H135" s="670"/>
      <c r="I135" s="671" t="s">
        <v>148</v>
      </c>
      <c r="J135" s="669"/>
      <c r="K135" s="670"/>
    </row>
    <row r="136" spans="1:11" ht="150">
      <c r="A136" s="70"/>
      <c r="B136" s="71" t="s">
        <v>189</v>
      </c>
      <c r="C136" s="72" t="s">
        <v>191</v>
      </c>
      <c r="D136" s="72" t="s">
        <v>202</v>
      </c>
      <c r="E136" s="73" t="s">
        <v>192</v>
      </c>
      <c r="F136" s="71" t="s">
        <v>193</v>
      </c>
      <c r="G136" s="72" t="s">
        <v>206</v>
      </c>
      <c r="H136" s="75"/>
      <c r="I136" s="71" t="s">
        <v>194</v>
      </c>
      <c r="J136" s="74"/>
      <c r="K136" s="71" t="s">
        <v>186</v>
      </c>
    </row>
    <row r="137" spans="1:11">
      <c r="A137" s="69"/>
      <c r="B137" s="76" t="s">
        <v>174</v>
      </c>
      <c r="C137" s="77" t="s">
        <v>176</v>
      </c>
      <c r="D137" s="78" t="s">
        <v>59</v>
      </c>
      <c r="E137" s="79" t="s">
        <v>215</v>
      </c>
      <c r="F137" s="80" t="s">
        <v>203</v>
      </c>
      <c r="G137" s="85" t="s">
        <v>208</v>
      </c>
      <c r="H137" s="67" t="s">
        <v>54</v>
      </c>
      <c r="I137" s="76" t="s">
        <v>60</v>
      </c>
      <c r="J137" s="67" t="s">
        <v>54</v>
      </c>
      <c r="K137" s="82" t="s">
        <v>144</v>
      </c>
    </row>
    <row r="138" spans="1:11">
      <c r="A138" s="69"/>
      <c r="B138" s="80"/>
      <c r="C138" s="78" t="s">
        <v>177</v>
      </c>
      <c r="D138" s="78" t="s">
        <v>172</v>
      </c>
      <c r="E138" s="79" t="s">
        <v>216</v>
      </c>
      <c r="F138" s="80" t="s">
        <v>204</v>
      </c>
      <c r="G138" s="86" t="s">
        <v>209</v>
      </c>
      <c r="H138" s="67" t="s">
        <v>54</v>
      </c>
      <c r="I138" s="113" t="s">
        <v>246</v>
      </c>
      <c r="J138" s="67" t="s">
        <v>54</v>
      </c>
      <c r="K138" s="82" t="s">
        <v>145</v>
      </c>
    </row>
    <row r="139" spans="1:11">
      <c r="A139" s="69"/>
      <c r="B139" s="84"/>
      <c r="C139" s="78" t="s">
        <v>178</v>
      </c>
      <c r="D139" s="78" t="s">
        <v>143</v>
      </c>
      <c r="E139" s="79" t="s">
        <v>217</v>
      </c>
      <c r="F139" s="80" t="s">
        <v>205</v>
      </c>
      <c r="G139" s="86" t="s">
        <v>210</v>
      </c>
      <c r="H139" s="67" t="s">
        <v>54</v>
      </c>
      <c r="I139" s="84" t="s">
        <v>160</v>
      </c>
      <c r="J139" s="67" t="s">
        <v>54</v>
      </c>
      <c r="K139" s="82" t="s">
        <v>146</v>
      </c>
    </row>
    <row r="140" spans="1:11">
      <c r="A140" s="69"/>
      <c r="B140" s="84"/>
      <c r="C140" s="78" t="s">
        <v>179</v>
      </c>
      <c r="D140" s="78" t="s">
        <v>180</v>
      </c>
      <c r="E140" s="79" t="s">
        <v>218</v>
      </c>
      <c r="F140" s="80"/>
      <c r="G140" s="86" t="s">
        <v>211</v>
      </c>
      <c r="H140" s="67" t="s">
        <v>54</v>
      </c>
      <c r="I140" s="84" t="s">
        <v>161</v>
      </c>
      <c r="J140" s="67" t="s">
        <v>54</v>
      </c>
      <c r="K140" s="82" t="s">
        <v>147</v>
      </c>
    </row>
    <row r="141" spans="1:11">
      <c r="A141" s="69"/>
      <c r="B141" s="84"/>
      <c r="C141" s="78" t="s">
        <v>181</v>
      </c>
      <c r="D141" s="78" t="s">
        <v>180</v>
      </c>
      <c r="E141" s="79" t="s">
        <v>219</v>
      </c>
      <c r="F141" s="80"/>
      <c r="G141" s="86" t="s">
        <v>212</v>
      </c>
      <c r="H141" s="67" t="s">
        <v>54</v>
      </c>
      <c r="I141" s="80" t="s">
        <v>165</v>
      </c>
      <c r="J141" s="67" t="s">
        <v>54</v>
      </c>
      <c r="K141" s="82"/>
    </row>
    <row r="142" spans="1:11">
      <c r="A142" s="69"/>
      <c r="B142" s="84"/>
      <c r="C142" s="78" t="s">
        <v>182</v>
      </c>
      <c r="D142" s="78" t="s">
        <v>180</v>
      </c>
      <c r="E142" s="79"/>
      <c r="F142" s="80"/>
      <c r="G142" s="86" t="s">
        <v>213</v>
      </c>
      <c r="H142" s="67" t="s">
        <v>54</v>
      </c>
      <c r="I142" s="80" t="s">
        <v>166</v>
      </c>
      <c r="J142" s="67" t="s">
        <v>54</v>
      </c>
      <c r="K142" s="82"/>
    </row>
    <row r="143" spans="1:11">
      <c r="A143" s="69"/>
      <c r="B143" s="84"/>
      <c r="C143" s="77" t="s">
        <v>183</v>
      </c>
      <c r="D143" s="78"/>
      <c r="E143" s="79"/>
      <c r="F143" s="80"/>
      <c r="G143" s="86" t="s">
        <v>175</v>
      </c>
      <c r="H143" s="67" t="s">
        <v>54</v>
      </c>
      <c r="I143" s="80" t="s">
        <v>167</v>
      </c>
      <c r="J143" s="67" t="s">
        <v>54</v>
      </c>
      <c r="K143" s="82"/>
    </row>
    <row r="144" spans="1:11">
      <c r="A144" s="69"/>
      <c r="B144" s="84"/>
      <c r="C144" s="78" t="s">
        <v>184</v>
      </c>
      <c r="D144" s="78"/>
      <c r="E144" s="79"/>
      <c r="F144" s="80"/>
      <c r="G144" s="83" t="s">
        <v>214</v>
      </c>
      <c r="H144" s="67" t="s">
        <v>54</v>
      </c>
      <c r="I144" s="80" t="s">
        <v>168</v>
      </c>
      <c r="J144" s="67" t="s">
        <v>54</v>
      </c>
      <c r="K144" s="82"/>
    </row>
    <row r="145" spans="1:11">
      <c r="A145" s="69"/>
      <c r="B145" s="84"/>
      <c r="C145" s="78" t="s">
        <v>185</v>
      </c>
      <c r="D145" s="78"/>
      <c r="E145" s="79"/>
      <c r="F145" s="80"/>
      <c r="G145" s="81"/>
      <c r="H145" s="67" t="s">
        <v>54</v>
      </c>
      <c r="I145" s="80" t="s">
        <v>169</v>
      </c>
      <c r="J145" s="67" t="s">
        <v>54</v>
      </c>
      <c r="K145" s="82"/>
    </row>
    <row r="146" spans="1:11">
      <c r="A146" s="69"/>
      <c r="B146" s="84"/>
      <c r="C146" s="78" t="s">
        <v>207</v>
      </c>
      <c r="D146" s="78"/>
      <c r="E146" s="79"/>
      <c r="F146" s="80"/>
      <c r="G146" s="81"/>
      <c r="H146" s="67" t="s">
        <v>54</v>
      </c>
      <c r="I146" s="76" t="s">
        <v>61</v>
      </c>
      <c r="J146" s="67" t="s">
        <v>54</v>
      </c>
      <c r="K146" s="82"/>
    </row>
    <row r="147" spans="1:11">
      <c r="A147" s="69"/>
      <c r="B147" s="84"/>
      <c r="C147" s="77" t="s">
        <v>220</v>
      </c>
      <c r="D147" s="78"/>
      <c r="E147" s="79"/>
      <c r="F147" s="80"/>
      <c r="G147" s="101" t="s">
        <v>225</v>
      </c>
      <c r="H147" s="67" t="s">
        <v>54</v>
      </c>
      <c r="I147" s="80" t="s">
        <v>62</v>
      </c>
      <c r="J147" s="67" t="s">
        <v>54</v>
      </c>
      <c r="K147" s="82"/>
    </row>
    <row r="148" spans="1:11">
      <c r="A148" s="69"/>
      <c r="B148" s="84"/>
      <c r="C148" s="78" t="s">
        <v>221</v>
      </c>
      <c r="D148" s="78"/>
      <c r="E148" s="79"/>
      <c r="F148" s="80"/>
      <c r="G148" s="114" t="s">
        <v>226</v>
      </c>
      <c r="H148" s="67" t="s">
        <v>54</v>
      </c>
      <c r="I148" s="80" t="s">
        <v>164</v>
      </c>
      <c r="J148" s="67" t="s">
        <v>54</v>
      </c>
      <c r="K148" s="82"/>
    </row>
    <row r="149" spans="1:11">
      <c r="A149" s="69"/>
      <c r="B149" s="84"/>
      <c r="C149" s="78" t="s">
        <v>222</v>
      </c>
      <c r="D149" s="78"/>
      <c r="E149" s="79"/>
      <c r="F149" s="80"/>
      <c r="G149" s="81"/>
      <c r="H149" s="67" t="s">
        <v>54</v>
      </c>
      <c r="I149" s="80" t="s">
        <v>170</v>
      </c>
      <c r="J149" s="67" t="s">
        <v>54</v>
      </c>
      <c r="K149" s="82"/>
    </row>
    <row r="150" spans="1:11">
      <c r="A150" s="69"/>
      <c r="B150" s="84"/>
      <c r="C150" s="77" t="s">
        <v>223</v>
      </c>
      <c r="D150" s="78"/>
      <c r="E150" s="79"/>
      <c r="F150" s="80"/>
      <c r="G150" s="81"/>
      <c r="H150" s="67" t="s">
        <v>54</v>
      </c>
      <c r="I150" s="80" t="s">
        <v>171</v>
      </c>
      <c r="J150" s="67" t="s">
        <v>54</v>
      </c>
      <c r="K150" s="82"/>
    </row>
    <row r="151" spans="1:11">
      <c r="A151" s="69"/>
      <c r="B151" s="84"/>
      <c r="C151" s="78" t="s">
        <v>138</v>
      </c>
      <c r="D151" s="78"/>
      <c r="E151" s="79"/>
      <c r="F151" s="80"/>
      <c r="G151" s="81"/>
      <c r="H151" s="67" t="s">
        <v>54</v>
      </c>
      <c r="I151" s="76" t="s">
        <v>252</v>
      </c>
      <c r="J151" s="67" t="s">
        <v>54</v>
      </c>
      <c r="K151" s="82"/>
    </row>
    <row r="152" spans="1:11">
      <c r="A152" s="69"/>
      <c r="B152" s="84"/>
      <c r="C152" s="78" t="s">
        <v>139</v>
      </c>
      <c r="D152" s="78"/>
      <c r="E152" s="79"/>
      <c r="F152" s="80"/>
      <c r="G152" s="81"/>
      <c r="H152" s="67" t="s">
        <v>54</v>
      </c>
      <c r="I152" s="113" t="s">
        <v>248</v>
      </c>
      <c r="J152" s="67" t="s">
        <v>54</v>
      </c>
      <c r="K152" s="82"/>
    </row>
    <row r="153" spans="1:11">
      <c r="A153" s="69"/>
      <c r="B153" s="84"/>
      <c r="C153" s="78" t="s">
        <v>140</v>
      </c>
      <c r="D153" s="78"/>
      <c r="E153" s="79"/>
      <c r="F153" s="87"/>
      <c r="G153" s="81"/>
      <c r="H153" s="67" t="s">
        <v>54</v>
      </c>
      <c r="I153" s="113" t="s">
        <v>247</v>
      </c>
      <c r="J153" s="67" t="s">
        <v>54</v>
      </c>
      <c r="K153" s="82"/>
    </row>
    <row r="154" spans="1:11">
      <c r="A154" s="69"/>
      <c r="B154" s="84"/>
      <c r="C154" s="77" t="s">
        <v>141</v>
      </c>
      <c r="D154" s="78"/>
      <c r="E154" s="79"/>
      <c r="F154" s="87"/>
      <c r="G154" s="86"/>
      <c r="H154" s="67" t="s">
        <v>54</v>
      </c>
      <c r="I154" s="113" t="s">
        <v>249</v>
      </c>
      <c r="J154" s="67" t="s">
        <v>54</v>
      </c>
      <c r="K154" s="79"/>
    </row>
    <row r="155" spans="1:11">
      <c r="A155" s="69"/>
      <c r="B155" s="84"/>
      <c r="C155" s="78" t="s">
        <v>159</v>
      </c>
      <c r="D155" s="78"/>
      <c r="E155" s="79"/>
      <c r="F155" s="87"/>
      <c r="G155" s="86"/>
      <c r="H155" s="67" t="s">
        <v>54</v>
      </c>
      <c r="I155" s="113" t="s">
        <v>251</v>
      </c>
      <c r="J155" s="67" t="s">
        <v>54</v>
      </c>
      <c r="K155" s="79"/>
    </row>
    <row r="156" spans="1:11">
      <c r="A156" s="69"/>
      <c r="B156" s="84"/>
      <c r="C156" s="77" t="s">
        <v>142</v>
      </c>
      <c r="D156" s="78"/>
      <c r="E156" s="79"/>
      <c r="F156" s="87"/>
      <c r="G156" s="86"/>
      <c r="H156" s="67" t="s">
        <v>54</v>
      </c>
      <c r="I156" s="113" t="s">
        <v>250</v>
      </c>
      <c r="J156" s="67" t="s">
        <v>54</v>
      </c>
      <c r="K156" s="79"/>
    </row>
    <row r="157" spans="1:11">
      <c r="A157" s="69"/>
      <c r="B157" s="84"/>
      <c r="C157" s="115" t="s">
        <v>410</v>
      </c>
      <c r="D157" s="78"/>
      <c r="E157" s="79"/>
      <c r="F157" s="87"/>
      <c r="G157" s="88"/>
      <c r="H157" s="67" t="s">
        <v>54</v>
      </c>
      <c r="I157" s="76" t="s">
        <v>63</v>
      </c>
      <c r="J157" s="67" t="s">
        <v>54</v>
      </c>
      <c r="K157" s="79"/>
    </row>
    <row r="158" spans="1:11">
      <c r="A158" s="69"/>
      <c r="B158" s="84"/>
      <c r="C158" s="115" t="s">
        <v>411</v>
      </c>
      <c r="D158" s="78"/>
      <c r="E158" s="79"/>
      <c r="F158" s="87"/>
      <c r="G158" s="88"/>
      <c r="H158" s="67" t="s">
        <v>54</v>
      </c>
      <c r="I158" s="80" t="s">
        <v>162</v>
      </c>
      <c r="J158" s="67" t="s">
        <v>54</v>
      </c>
      <c r="K158" s="79"/>
    </row>
    <row r="159" spans="1:11">
      <c r="A159" s="69"/>
      <c r="B159" s="84"/>
      <c r="C159" s="78"/>
      <c r="D159" s="78"/>
      <c r="E159" s="79"/>
      <c r="F159" s="87"/>
      <c r="G159" s="88"/>
      <c r="H159" s="67" t="s">
        <v>54</v>
      </c>
      <c r="I159" s="147" t="s">
        <v>330</v>
      </c>
      <c r="J159" s="67" t="s">
        <v>54</v>
      </c>
      <c r="K159" s="79"/>
    </row>
    <row r="160" spans="1:11">
      <c r="A160" s="69"/>
      <c r="B160" s="84"/>
      <c r="C160" s="78"/>
      <c r="D160" s="78"/>
      <c r="E160" s="79"/>
      <c r="F160" s="87"/>
      <c r="G160" s="88"/>
      <c r="H160" s="67"/>
      <c r="I160" s="84"/>
      <c r="J160" s="67"/>
      <c r="K160" s="79"/>
    </row>
    <row r="161" spans="1:11">
      <c r="A161" s="69"/>
      <c r="B161" s="84"/>
      <c r="C161" s="89" t="s">
        <v>149</v>
      </c>
      <c r="D161" s="78"/>
      <c r="E161" s="79"/>
      <c r="F161" s="87"/>
      <c r="G161" s="88"/>
      <c r="H161" s="67" t="s">
        <v>54</v>
      </c>
      <c r="I161" s="84" t="s">
        <v>163</v>
      </c>
      <c r="J161" s="67" t="s">
        <v>54</v>
      </c>
      <c r="K161" s="79"/>
    </row>
    <row r="162" spans="1:11">
      <c r="A162" s="69"/>
      <c r="B162" s="90"/>
      <c r="C162" s="91" t="s">
        <v>58</v>
      </c>
      <c r="D162" s="92"/>
      <c r="E162" s="93"/>
      <c r="F162" s="94"/>
      <c r="G162" s="95"/>
      <c r="H162" s="96" t="s">
        <v>54</v>
      </c>
      <c r="I162" s="80" t="s">
        <v>173</v>
      </c>
      <c r="J162" s="96" t="s">
        <v>54</v>
      </c>
      <c r="K162" s="93"/>
    </row>
    <row r="163" spans="1:11">
      <c r="A163" s="69"/>
      <c r="B163" s="69"/>
      <c r="C163" s="69"/>
      <c r="D163" s="69"/>
      <c r="E163" s="69"/>
      <c r="F163" s="97"/>
      <c r="G163" s="97"/>
      <c r="H163" s="69"/>
      <c r="I163" s="69"/>
      <c r="J163" s="69"/>
      <c r="K163" s="69"/>
    </row>
    <row r="164" spans="1:11">
      <c r="A164" s="69"/>
      <c r="B164" s="69"/>
      <c r="C164" s="69"/>
      <c r="D164" s="69"/>
      <c r="E164" s="69"/>
      <c r="F164" s="97"/>
      <c r="G164" s="97"/>
      <c r="H164" s="69"/>
      <c r="I164" s="69"/>
      <c r="J164" s="69"/>
      <c r="K164" s="69"/>
    </row>
    <row r="165" spans="1:11">
      <c r="A165" s="98"/>
      <c r="B165" s="98"/>
      <c r="C165" s="98"/>
      <c r="D165" s="98"/>
      <c r="E165" s="98"/>
      <c r="F165" s="98"/>
      <c r="G165" s="98"/>
      <c r="H165" s="98"/>
      <c r="I165" s="69"/>
      <c r="J165" s="69"/>
      <c r="K165" s="69"/>
    </row>
    <row r="166" spans="1:11" ht="15.75">
      <c r="A166" s="62" t="s">
        <v>19</v>
      </c>
      <c r="B166" s="63" t="s">
        <v>188</v>
      </c>
      <c r="C166" s="64" t="s">
        <v>201</v>
      </c>
      <c r="D166" s="64" t="s">
        <v>196</v>
      </c>
      <c r="E166" s="64"/>
      <c r="F166" s="64" t="s">
        <v>197</v>
      </c>
      <c r="G166" s="64" t="s">
        <v>198</v>
      </c>
      <c r="H166" s="64" t="s">
        <v>199</v>
      </c>
      <c r="I166" s="69"/>
      <c r="J166" s="69"/>
      <c r="K166" s="69"/>
    </row>
    <row r="167" spans="1:11">
      <c r="A167" s="67" t="s">
        <v>64</v>
      </c>
      <c r="B167" s="67" t="s">
        <v>65</v>
      </c>
      <c r="C167" s="99">
        <v>3</v>
      </c>
      <c r="D167" s="99">
        <v>1</v>
      </c>
      <c r="E167" s="67" t="s">
        <v>54</v>
      </c>
      <c r="F167" s="99">
        <v>8</v>
      </c>
      <c r="G167" s="67" t="s">
        <v>57</v>
      </c>
      <c r="H167" s="67" t="s">
        <v>66</v>
      </c>
      <c r="I167" s="69"/>
      <c r="J167" s="69"/>
      <c r="K167" s="69"/>
    </row>
    <row r="168" spans="1:11">
      <c r="A168" s="67" t="s">
        <v>67</v>
      </c>
      <c r="B168" s="67" t="s">
        <v>65</v>
      </c>
      <c r="C168" s="99">
        <v>3</v>
      </c>
      <c r="D168" s="99">
        <v>4</v>
      </c>
      <c r="E168" s="67" t="s">
        <v>54</v>
      </c>
      <c r="F168" s="99">
        <v>16</v>
      </c>
      <c r="G168" s="67" t="s">
        <v>56</v>
      </c>
      <c r="H168" s="67" t="s">
        <v>68</v>
      </c>
      <c r="I168" s="69"/>
      <c r="J168" s="69"/>
      <c r="K168" s="69"/>
    </row>
    <row r="169" spans="1:11">
      <c r="A169" s="69"/>
      <c r="B169" s="69"/>
      <c r="C169" s="69"/>
      <c r="D169" s="69"/>
      <c r="E169" s="69"/>
      <c r="F169" s="69"/>
      <c r="G169" s="97"/>
      <c r="H169" s="97"/>
      <c r="I169" s="69"/>
      <c r="J169" s="69"/>
      <c r="K169" s="69"/>
    </row>
    <row r="170" spans="1:11" ht="45">
      <c r="A170" s="69"/>
      <c r="B170" s="63" t="s">
        <v>189</v>
      </c>
      <c r="C170" s="63" t="s">
        <v>253</v>
      </c>
      <c r="D170" s="63" t="s">
        <v>195</v>
      </c>
      <c r="E170" s="64"/>
      <c r="F170" s="63" t="s">
        <v>274</v>
      </c>
      <c r="G170" s="63" t="s">
        <v>268</v>
      </c>
      <c r="H170" s="63" t="s">
        <v>269</v>
      </c>
      <c r="I170" s="69"/>
      <c r="J170" s="69"/>
      <c r="K170" s="69"/>
    </row>
    <row r="171" spans="1:11">
      <c r="A171" s="69"/>
      <c r="B171" s="86" t="s">
        <v>69</v>
      </c>
      <c r="C171" s="78" t="s">
        <v>70</v>
      </c>
      <c r="D171" s="78" t="s">
        <v>71</v>
      </c>
      <c r="E171" s="67" t="s">
        <v>54</v>
      </c>
      <c r="F171" s="115" t="s">
        <v>254</v>
      </c>
      <c r="G171" s="116" t="s">
        <v>265</v>
      </c>
      <c r="H171" s="116" t="s">
        <v>170</v>
      </c>
      <c r="I171" s="69"/>
      <c r="J171" s="69"/>
      <c r="K171" s="69"/>
    </row>
    <row r="172" spans="1:11">
      <c r="A172" s="69"/>
      <c r="B172" s="86"/>
      <c r="C172" s="78" t="s">
        <v>72</v>
      </c>
      <c r="D172" s="78" t="s">
        <v>73</v>
      </c>
      <c r="E172" s="67" t="s">
        <v>54</v>
      </c>
      <c r="F172" s="115" t="s">
        <v>255</v>
      </c>
      <c r="G172" s="116" t="s">
        <v>264</v>
      </c>
      <c r="H172" s="116" t="s">
        <v>262</v>
      </c>
      <c r="I172" s="69"/>
      <c r="J172" s="69"/>
      <c r="K172" s="69"/>
    </row>
    <row r="173" spans="1:11">
      <c r="A173" s="69"/>
      <c r="B173" s="78"/>
      <c r="C173" s="78" t="s">
        <v>74</v>
      </c>
      <c r="D173" s="78" t="s">
        <v>75</v>
      </c>
      <c r="E173" s="67" t="s">
        <v>54</v>
      </c>
      <c r="F173" s="115" t="s">
        <v>256</v>
      </c>
      <c r="G173" s="116" t="s">
        <v>266</v>
      </c>
      <c r="H173" s="81" t="s">
        <v>272</v>
      </c>
      <c r="I173" s="69"/>
      <c r="J173" s="69"/>
      <c r="K173" s="69"/>
    </row>
    <row r="174" spans="1:11">
      <c r="A174" s="69"/>
      <c r="B174" s="78"/>
      <c r="C174" s="78"/>
      <c r="D174" s="78" t="s">
        <v>76</v>
      </c>
      <c r="E174" s="67" t="s">
        <v>54</v>
      </c>
      <c r="F174" s="115" t="s">
        <v>257</v>
      </c>
      <c r="G174" s="116" t="s">
        <v>263</v>
      </c>
      <c r="H174" s="81" t="s">
        <v>273</v>
      </c>
      <c r="I174" s="69"/>
      <c r="J174" s="69"/>
      <c r="K174" s="69"/>
    </row>
    <row r="175" spans="1:11">
      <c r="A175" s="69"/>
      <c r="B175" s="78"/>
      <c r="C175" s="78"/>
      <c r="D175" s="78" t="s">
        <v>77</v>
      </c>
      <c r="E175" s="67" t="s">
        <v>54</v>
      </c>
      <c r="F175" s="115" t="s">
        <v>258</v>
      </c>
      <c r="G175" s="116" t="s">
        <v>267</v>
      </c>
      <c r="H175" s="86"/>
      <c r="I175" s="69"/>
      <c r="J175" s="69"/>
      <c r="K175" s="69"/>
    </row>
    <row r="176" spans="1:11">
      <c r="A176" s="69"/>
      <c r="B176" s="78"/>
      <c r="C176" s="78"/>
      <c r="D176" s="78"/>
      <c r="E176" s="67" t="s">
        <v>54</v>
      </c>
      <c r="F176" s="115" t="s">
        <v>259</v>
      </c>
      <c r="G176" s="81" t="s">
        <v>157</v>
      </c>
      <c r="H176" s="86"/>
      <c r="I176" s="69"/>
      <c r="J176" s="69"/>
      <c r="K176" s="69"/>
    </row>
    <row r="177" spans="1:11">
      <c r="A177" s="69"/>
      <c r="B177" s="78"/>
      <c r="C177" s="78"/>
      <c r="D177" s="78"/>
      <c r="E177" s="67" t="s">
        <v>54</v>
      </c>
      <c r="F177" s="115" t="s">
        <v>260</v>
      </c>
      <c r="G177" s="81" t="s">
        <v>137</v>
      </c>
      <c r="H177" s="86"/>
      <c r="I177" s="69"/>
      <c r="J177" s="69"/>
      <c r="K177" s="69"/>
    </row>
    <row r="178" spans="1:11">
      <c r="A178" s="69"/>
      <c r="B178" s="78"/>
      <c r="C178" s="78"/>
      <c r="D178" s="78"/>
      <c r="E178" s="67" t="s">
        <v>54</v>
      </c>
      <c r="F178" s="115" t="s">
        <v>261</v>
      </c>
      <c r="G178" s="81" t="s">
        <v>270</v>
      </c>
      <c r="H178" s="86"/>
      <c r="I178" s="69"/>
      <c r="J178" s="69"/>
      <c r="K178" s="69"/>
    </row>
    <row r="179" spans="1:11">
      <c r="A179" s="69"/>
      <c r="B179" s="78"/>
      <c r="C179" s="78"/>
      <c r="D179" s="78"/>
      <c r="E179" s="86"/>
      <c r="F179" s="78"/>
      <c r="G179" s="81" t="s">
        <v>271</v>
      </c>
      <c r="H179" s="86"/>
      <c r="I179" s="69"/>
      <c r="J179" s="69"/>
      <c r="K179" s="69"/>
    </row>
    <row r="180" spans="1:11">
      <c r="A180" s="69"/>
      <c r="B180" s="78"/>
      <c r="C180" s="78"/>
      <c r="D180" s="78"/>
      <c r="E180" s="86"/>
      <c r="F180" s="78"/>
      <c r="G180" s="86"/>
      <c r="H180" s="86"/>
      <c r="I180" s="69"/>
      <c r="J180" s="69"/>
      <c r="K180" s="69"/>
    </row>
    <row r="181" spans="1:11">
      <c r="A181" s="69"/>
      <c r="B181" s="78"/>
      <c r="C181" s="78"/>
      <c r="D181" s="78"/>
      <c r="E181" s="86"/>
      <c r="F181" s="78"/>
      <c r="G181" s="86"/>
      <c r="H181" s="86"/>
      <c r="I181" s="69"/>
      <c r="J181" s="69"/>
      <c r="K181" s="69"/>
    </row>
    <row r="182" spans="1:11">
      <c r="A182" s="69"/>
      <c r="B182" s="69"/>
      <c r="C182" s="69"/>
      <c r="D182" s="69"/>
      <c r="E182" s="69"/>
      <c r="F182" s="97"/>
      <c r="G182" s="97"/>
      <c r="H182" s="69"/>
      <c r="I182" s="69"/>
      <c r="J182" s="69"/>
      <c r="K182" s="69"/>
    </row>
    <row r="183" spans="1:11">
      <c r="A183" s="69"/>
      <c r="B183" s="69"/>
      <c r="C183" s="69"/>
      <c r="D183" s="69"/>
      <c r="E183" s="69"/>
      <c r="F183" s="97"/>
      <c r="G183" s="97"/>
      <c r="H183" s="69"/>
      <c r="I183" s="69"/>
      <c r="J183" s="69"/>
      <c r="K183" s="69"/>
    </row>
    <row r="184" spans="1:11">
      <c r="A184" s="69"/>
      <c r="B184" s="69"/>
      <c r="C184" s="69"/>
      <c r="D184" s="69"/>
      <c r="E184" s="69"/>
      <c r="F184" s="97"/>
      <c r="G184" s="97"/>
      <c r="H184" s="69"/>
      <c r="I184" s="69"/>
      <c r="J184" s="69"/>
      <c r="K184" s="69"/>
    </row>
    <row r="185" spans="1:11">
      <c r="A185" s="69"/>
      <c r="B185" s="69"/>
      <c r="C185" s="69"/>
      <c r="D185" s="69"/>
      <c r="E185" s="69"/>
      <c r="F185" s="97"/>
      <c r="G185" s="97"/>
      <c r="H185" s="69"/>
      <c r="I185" s="69"/>
      <c r="J185" s="69"/>
      <c r="K185" s="69"/>
    </row>
    <row r="186" spans="1:11">
      <c r="A186" s="69"/>
      <c r="B186" s="69"/>
      <c r="C186" s="69"/>
      <c r="D186" s="69"/>
      <c r="E186" s="69"/>
      <c r="F186" s="97"/>
      <c r="G186" s="97"/>
      <c r="H186" s="69"/>
      <c r="I186" s="69"/>
      <c r="J186" s="69"/>
      <c r="K186" s="69"/>
    </row>
    <row r="187" spans="1:11">
      <c r="A187" s="69"/>
      <c r="B187" s="69"/>
      <c r="C187" s="69"/>
      <c r="D187" s="69"/>
      <c r="E187" s="69"/>
      <c r="F187" s="97"/>
      <c r="G187" s="97"/>
      <c r="H187" s="69"/>
      <c r="I187" s="69"/>
      <c r="J187" s="69"/>
      <c r="K187" s="69"/>
    </row>
    <row r="188" spans="1:11">
      <c r="A188" s="69"/>
      <c r="B188" s="69"/>
      <c r="C188" s="69"/>
      <c r="D188" s="69"/>
      <c r="E188" s="69"/>
      <c r="F188" s="97"/>
      <c r="G188" s="97"/>
      <c r="H188" s="69"/>
      <c r="I188" s="69"/>
      <c r="J188" s="69"/>
      <c r="K188" s="69"/>
    </row>
    <row r="189" spans="1:11">
      <c r="A189" s="69"/>
      <c r="B189" s="69"/>
      <c r="C189" s="69"/>
      <c r="D189" s="69"/>
      <c r="E189" s="69"/>
      <c r="F189" s="97"/>
      <c r="G189" s="97"/>
      <c r="H189" s="69"/>
      <c r="I189" s="69"/>
      <c r="J189" s="69"/>
      <c r="K189" s="69"/>
    </row>
    <row r="190" spans="1:11">
      <c r="A190" s="69"/>
      <c r="B190" s="69"/>
      <c r="C190" s="69"/>
      <c r="D190" s="69"/>
      <c r="E190" s="69"/>
      <c r="F190" s="97"/>
      <c r="G190" s="97"/>
      <c r="H190" s="69"/>
      <c r="I190" s="69"/>
      <c r="J190" s="69"/>
      <c r="K190" s="69"/>
    </row>
    <row r="191" spans="1:11">
      <c r="A191" s="69"/>
      <c r="B191" s="69"/>
      <c r="C191" s="69"/>
      <c r="D191" s="69"/>
      <c r="E191" s="69"/>
      <c r="F191" s="97"/>
      <c r="G191" s="97"/>
      <c r="H191" s="69"/>
      <c r="I191" s="69"/>
      <c r="J191" s="69"/>
      <c r="K191" s="69"/>
    </row>
    <row r="192" spans="1:11">
      <c r="A192" s="69"/>
      <c r="B192" s="69"/>
      <c r="C192" s="69"/>
      <c r="D192" s="69"/>
      <c r="E192" s="69"/>
      <c r="F192" s="97"/>
      <c r="G192" s="97"/>
      <c r="H192" s="69"/>
      <c r="I192" s="69"/>
      <c r="J192" s="69"/>
      <c r="K192" s="69"/>
    </row>
    <row r="193" spans="1:11">
      <c r="A193" s="69"/>
      <c r="B193" s="69"/>
      <c r="C193" s="69"/>
      <c r="D193" s="69"/>
      <c r="E193" s="69"/>
      <c r="F193" s="97"/>
      <c r="G193" s="97"/>
      <c r="H193" s="69"/>
      <c r="I193" s="69"/>
      <c r="J193" s="69"/>
      <c r="K193" s="69"/>
    </row>
    <row r="194" spans="1:11">
      <c r="A194" s="69"/>
      <c r="B194" s="69"/>
      <c r="C194" s="69"/>
      <c r="D194" s="69"/>
      <c r="E194" s="69"/>
      <c r="F194" s="97"/>
      <c r="G194" s="97"/>
      <c r="H194" s="69"/>
      <c r="I194" s="69"/>
      <c r="J194" s="69"/>
      <c r="K194" s="69"/>
    </row>
    <row r="195" spans="1:11">
      <c r="A195" s="69"/>
      <c r="B195" s="69"/>
      <c r="C195" s="69"/>
      <c r="D195" s="69"/>
      <c r="E195" s="69"/>
      <c r="F195" s="97"/>
      <c r="G195" s="97"/>
      <c r="H195" s="69"/>
      <c r="I195" s="69"/>
      <c r="J195" s="69"/>
      <c r="K195" s="69"/>
    </row>
    <row r="196" spans="1:11">
      <c r="A196" s="69"/>
      <c r="B196" s="69"/>
      <c r="C196" s="69"/>
      <c r="D196" s="69"/>
      <c r="E196" s="69"/>
      <c r="F196" s="97"/>
      <c r="G196" s="97"/>
      <c r="H196" s="69"/>
      <c r="I196" s="69"/>
      <c r="J196" s="69"/>
      <c r="K196" s="69"/>
    </row>
    <row r="197" spans="1:11">
      <c r="A197" s="69"/>
      <c r="B197" s="69"/>
      <c r="C197" s="69"/>
      <c r="D197" s="69"/>
      <c r="E197" s="69"/>
      <c r="F197" s="97"/>
      <c r="G197" s="97"/>
      <c r="H197" s="69"/>
      <c r="I197" s="69"/>
      <c r="J197" s="69"/>
      <c r="K197" s="69"/>
    </row>
    <row r="198" spans="1:11">
      <c r="A198" s="69"/>
      <c r="B198" s="69"/>
      <c r="C198" s="69"/>
      <c r="D198" s="69"/>
      <c r="E198" s="69"/>
      <c r="F198" s="97"/>
      <c r="G198" s="97"/>
      <c r="H198" s="69"/>
      <c r="I198" s="69"/>
      <c r="J198" s="69"/>
      <c r="K198" s="69"/>
    </row>
    <row r="199" spans="1:11">
      <c r="A199" s="69"/>
      <c r="B199" s="69"/>
      <c r="C199" s="69"/>
      <c r="D199" s="69"/>
      <c r="E199" s="69"/>
      <c r="F199" s="97"/>
      <c r="G199" s="97"/>
      <c r="H199" s="69"/>
      <c r="I199" s="69"/>
      <c r="J199" s="69"/>
      <c r="K199" s="69"/>
    </row>
    <row r="200" spans="1:11">
      <c r="A200" s="69"/>
      <c r="B200" s="69"/>
      <c r="C200" s="69"/>
      <c r="D200" s="69"/>
      <c r="E200" s="69"/>
      <c r="F200" s="97"/>
      <c r="G200" s="97"/>
      <c r="H200" s="69"/>
      <c r="I200" s="69"/>
      <c r="J200" s="69"/>
      <c r="K200" s="69"/>
    </row>
    <row r="201" spans="1:11">
      <c r="A201" s="69"/>
      <c r="B201" s="69"/>
      <c r="C201" s="69"/>
      <c r="D201" s="69"/>
      <c r="E201" s="69"/>
      <c r="F201" s="97"/>
      <c r="G201" s="97"/>
      <c r="H201" s="69"/>
      <c r="I201" s="69"/>
      <c r="J201" s="69"/>
      <c r="K201" s="69"/>
    </row>
    <row r="202" spans="1:11">
      <c r="A202" s="69"/>
      <c r="B202" s="69"/>
      <c r="C202" s="69"/>
      <c r="D202" s="69"/>
      <c r="E202" s="69"/>
      <c r="F202" s="97"/>
      <c r="G202" s="97"/>
      <c r="H202" s="69"/>
      <c r="I202" s="69"/>
      <c r="J202" s="69"/>
      <c r="K202" s="69"/>
    </row>
  </sheetData>
  <mergeCells count="3">
    <mergeCell ref="B135:E135"/>
    <mergeCell ref="F135:H135"/>
    <mergeCell ref="I135:K135"/>
  </mergeCells>
  <phoneticPr fontId="119" type="noConversion"/>
  <pageMargins left="0.69930555555555596" right="0.69930555555555596" top="0.75" bottom="0.75" header="0.3" footer="0.3"/>
  <pageSetup paperSize="9" scale="56" orientation="landscape" r:id="rId1"/>
</worksheet>
</file>

<file path=xl/worksheets/sheet12.xml><?xml version="1.0" encoding="utf-8"?>
<worksheet xmlns="http://schemas.openxmlformats.org/spreadsheetml/2006/main" xmlns:r="http://schemas.openxmlformats.org/officeDocument/2006/relationships">
  <dimension ref="A2:C25"/>
  <sheetViews>
    <sheetView zoomScaleNormal="100" workbookViewId="0">
      <selection activeCell="B40" sqref="B40"/>
    </sheetView>
  </sheetViews>
  <sheetFormatPr defaultRowHeight="15"/>
  <cols>
    <col min="1" max="1" width="20.7109375" customWidth="1"/>
    <col min="2" max="2" width="34.42578125" customWidth="1"/>
  </cols>
  <sheetData>
    <row r="2" spans="1:3">
      <c r="A2" t="s">
        <v>333</v>
      </c>
    </row>
    <row r="3" spans="1:3">
      <c r="A3">
        <v>1</v>
      </c>
      <c r="B3" t="s">
        <v>334</v>
      </c>
      <c r="C3" t="s">
        <v>335</v>
      </c>
    </row>
    <row r="4" spans="1:3">
      <c r="A4">
        <v>2</v>
      </c>
      <c r="B4" t="s">
        <v>336</v>
      </c>
      <c r="C4" t="s">
        <v>335</v>
      </c>
    </row>
    <row r="5" spans="1:3">
      <c r="A5">
        <v>3</v>
      </c>
      <c r="B5" t="s">
        <v>337</v>
      </c>
      <c r="C5" t="s">
        <v>335</v>
      </c>
    </row>
    <row r="6" spans="1:3">
      <c r="A6">
        <v>4</v>
      </c>
      <c r="B6" t="s">
        <v>338</v>
      </c>
      <c r="C6" t="s">
        <v>335</v>
      </c>
    </row>
    <row r="7" spans="1:3">
      <c r="A7">
        <v>5</v>
      </c>
      <c r="B7" t="s">
        <v>339</v>
      </c>
      <c r="C7" t="s">
        <v>340</v>
      </c>
    </row>
    <row r="8" spans="1:3">
      <c r="A8">
        <v>6</v>
      </c>
      <c r="B8" t="s">
        <v>341</v>
      </c>
      <c r="C8" t="s">
        <v>335</v>
      </c>
    </row>
    <row r="9" spans="1:3">
      <c r="A9">
        <v>7</v>
      </c>
      <c r="B9" t="s">
        <v>342</v>
      </c>
      <c r="C9" t="s">
        <v>335</v>
      </c>
    </row>
    <row r="11" spans="1:3">
      <c r="A11" t="s">
        <v>343</v>
      </c>
    </row>
    <row r="12" spans="1:3">
      <c r="B12" t="s">
        <v>344</v>
      </c>
      <c r="C12" t="s">
        <v>335</v>
      </c>
    </row>
    <row r="13" spans="1:3">
      <c r="B13" t="s">
        <v>339</v>
      </c>
      <c r="C13" t="s">
        <v>345</v>
      </c>
    </row>
    <row r="14" spans="1:3">
      <c r="B14" t="s">
        <v>341</v>
      </c>
      <c r="C14" t="s">
        <v>335</v>
      </c>
    </row>
    <row r="15" spans="1:3">
      <c r="B15" t="s">
        <v>342</v>
      </c>
      <c r="C15" t="s">
        <v>335</v>
      </c>
    </row>
    <row r="18" spans="1:3">
      <c r="A18" t="s">
        <v>346</v>
      </c>
    </row>
    <row r="19" spans="1:3">
      <c r="B19" t="s">
        <v>334</v>
      </c>
      <c r="C19" t="s">
        <v>335</v>
      </c>
    </row>
    <row r="20" spans="1:3">
      <c r="B20" t="s">
        <v>347</v>
      </c>
      <c r="C20" t="s">
        <v>335</v>
      </c>
    </row>
    <row r="21" spans="1:3">
      <c r="B21" t="s">
        <v>336</v>
      </c>
      <c r="C21" t="s">
        <v>335</v>
      </c>
    </row>
    <row r="22" spans="1:3">
      <c r="B22" t="s">
        <v>338</v>
      </c>
      <c r="C22" t="s">
        <v>335</v>
      </c>
    </row>
    <row r="23" spans="1:3">
      <c r="B23" t="s">
        <v>339</v>
      </c>
      <c r="C23" t="s">
        <v>340</v>
      </c>
    </row>
    <row r="24" spans="1:3">
      <c r="B24" t="s">
        <v>341</v>
      </c>
      <c r="C24" t="s">
        <v>335</v>
      </c>
    </row>
    <row r="25" spans="1:3">
      <c r="B25" t="s">
        <v>342</v>
      </c>
      <c r="C25" t="s">
        <v>335</v>
      </c>
    </row>
  </sheetData>
  <phoneticPr fontId="119" type="noConversion"/>
  <pageMargins left="0.7" right="0.7" top="0.75" bottom="0.75" header="0.3" footer="0.3"/>
  <pageSetup orientation="portrait" r:id="rId1"/>
</worksheet>
</file>

<file path=xl/worksheets/sheet13.xml><?xml version="1.0" encoding="utf-8"?>
<worksheet xmlns="http://schemas.openxmlformats.org/spreadsheetml/2006/main" xmlns:r="http://schemas.openxmlformats.org/officeDocument/2006/relationships">
  <dimension ref="A1"/>
  <sheetViews>
    <sheetView workbookViewId="0">
      <selection activeCell="H19" sqref="H19"/>
    </sheetView>
  </sheetViews>
  <sheetFormatPr defaultColWidth="9" defaultRowHeight="15"/>
  <cols>
    <col min="1" max="1" width="9" customWidth="1"/>
  </cols>
  <sheetData/>
  <phoneticPr fontId="31" type="noConversion"/>
  <pageMargins left="0.69930555555555596" right="0.69930555555555596" top="0.75" bottom="0.75" header="0.3" footer="0.3"/>
</worksheet>
</file>

<file path=xl/worksheets/sheet14.xml><?xml version="1.0" encoding="utf-8"?>
<worksheet xmlns="http://schemas.openxmlformats.org/spreadsheetml/2006/main" xmlns:r="http://schemas.openxmlformats.org/officeDocument/2006/relationships">
  <dimension ref="A1:BA36"/>
  <sheetViews>
    <sheetView topLeftCell="A13" zoomScale="80" zoomScaleNormal="80" workbookViewId="0">
      <selection activeCell="D23" sqref="D23"/>
    </sheetView>
  </sheetViews>
  <sheetFormatPr defaultColWidth="9" defaultRowHeight="12.75"/>
  <cols>
    <col min="1" max="1" width="20.42578125" style="6" customWidth="1"/>
    <col min="2" max="2" width="18.42578125" style="6" customWidth="1"/>
    <col min="3" max="3" width="23.28515625" style="7" customWidth="1"/>
    <col min="4" max="4" width="79.42578125" style="8" customWidth="1"/>
    <col min="5" max="5" width="17.42578125" style="6" customWidth="1"/>
    <col min="6" max="6" width="23.7109375" style="6" customWidth="1"/>
    <col min="7" max="16384" width="9" style="6"/>
  </cols>
  <sheetData>
    <row r="1" spans="1:53" s="1" customFormat="1" ht="13.5" customHeight="1">
      <c r="A1" s="9" t="s">
        <v>19</v>
      </c>
      <c r="B1" s="9" t="s">
        <v>20</v>
      </c>
      <c r="C1" s="10" t="s">
        <v>21</v>
      </c>
      <c r="D1" s="9" t="s">
        <v>78</v>
      </c>
    </row>
    <row r="2" spans="1:53" s="2" customFormat="1" ht="13.5" customHeight="1">
      <c r="A2" s="11"/>
      <c r="B2" s="12"/>
      <c r="C2" s="12"/>
      <c r="D2" s="12"/>
    </row>
    <row r="3" spans="1:53" s="3" customFormat="1">
      <c r="A3" s="13"/>
      <c r="B3" s="14"/>
      <c r="C3" s="13"/>
      <c r="D3" s="15"/>
      <c r="E3" s="16"/>
      <c r="F3" s="16"/>
      <c r="G3" s="16"/>
      <c r="H3" s="16"/>
      <c r="I3" s="16"/>
      <c r="J3" s="16"/>
      <c r="K3" s="16"/>
      <c r="L3" s="16"/>
      <c r="M3" s="16"/>
      <c r="N3" s="16"/>
      <c r="O3" s="16"/>
      <c r="P3" s="16"/>
      <c r="Q3" s="16"/>
      <c r="R3" s="16"/>
      <c r="S3" s="16"/>
      <c r="T3" s="16"/>
      <c r="U3" s="16"/>
      <c r="V3" s="16"/>
      <c r="W3" s="16"/>
      <c r="X3" s="16"/>
      <c r="Y3" s="16"/>
      <c r="Z3" s="16"/>
      <c r="AA3" s="16"/>
      <c r="AB3" s="16"/>
      <c r="AC3" s="16"/>
      <c r="AD3" s="16"/>
      <c r="AE3" s="16"/>
      <c r="AF3" s="16"/>
      <c r="AG3" s="16"/>
      <c r="AH3" s="16"/>
      <c r="AI3" s="16"/>
      <c r="AJ3" s="16"/>
      <c r="AK3" s="16"/>
      <c r="AL3" s="16"/>
      <c r="AM3" s="16"/>
      <c r="AN3" s="16"/>
      <c r="AO3" s="16"/>
      <c r="AP3" s="16"/>
      <c r="AQ3" s="16"/>
      <c r="AR3" s="16"/>
      <c r="AS3" s="16"/>
      <c r="AT3" s="16"/>
      <c r="AU3" s="16"/>
      <c r="AV3" s="16"/>
      <c r="AW3" s="16"/>
      <c r="AX3" s="16"/>
      <c r="AY3" s="16"/>
      <c r="AZ3" s="16"/>
      <c r="BA3" s="16"/>
    </row>
    <row r="4" spans="1:53">
      <c r="A4" s="17" t="s">
        <v>79</v>
      </c>
      <c r="B4" s="18"/>
      <c r="C4" s="18"/>
      <c r="D4" s="19"/>
    </row>
    <row r="5" spans="1:53" s="3" customFormat="1">
      <c r="A5" s="13" t="s">
        <v>80</v>
      </c>
      <c r="B5" s="14"/>
      <c r="C5" s="13"/>
      <c r="D5" s="15"/>
      <c r="E5" s="16"/>
      <c r="F5" s="16"/>
      <c r="G5" s="16"/>
      <c r="H5" s="16"/>
      <c r="I5" s="16"/>
      <c r="J5" s="16"/>
      <c r="K5" s="16"/>
      <c r="L5" s="16"/>
      <c r="M5" s="16"/>
      <c r="N5" s="16"/>
      <c r="O5" s="16"/>
      <c r="P5" s="16"/>
      <c r="Q5" s="16"/>
      <c r="R5" s="16"/>
      <c r="S5" s="16"/>
      <c r="T5" s="16"/>
      <c r="U5" s="16"/>
      <c r="V5" s="16"/>
      <c r="W5" s="16"/>
      <c r="X5" s="16"/>
      <c r="Y5" s="16"/>
      <c r="Z5" s="16"/>
      <c r="AA5" s="16"/>
      <c r="AB5" s="16"/>
      <c r="AC5" s="16"/>
      <c r="AD5" s="16"/>
      <c r="AE5" s="16"/>
      <c r="AF5" s="16"/>
      <c r="AG5" s="16"/>
      <c r="AH5" s="16"/>
      <c r="AI5" s="16"/>
      <c r="AJ5" s="16"/>
      <c r="AK5" s="16"/>
      <c r="AL5" s="16"/>
      <c r="AM5" s="16"/>
      <c r="AN5" s="16"/>
      <c r="AO5" s="16"/>
      <c r="AP5" s="16"/>
      <c r="AQ5" s="16"/>
      <c r="AR5" s="16"/>
      <c r="AS5" s="16"/>
      <c r="AT5" s="16"/>
      <c r="AU5" s="16"/>
      <c r="AV5" s="16"/>
      <c r="AW5" s="16"/>
      <c r="AX5" s="16"/>
      <c r="AY5" s="16"/>
      <c r="AZ5" s="16"/>
      <c r="BA5" s="16"/>
    </row>
    <row r="6" spans="1:53" s="4" customFormat="1" ht="51.95" customHeight="1">
      <c r="A6" s="20" t="s">
        <v>81</v>
      </c>
      <c r="B6" s="21"/>
      <c r="C6" s="20" t="s">
        <v>82</v>
      </c>
      <c r="D6" s="22" t="s">
        <v>83</v>
      </c>
      <c r="E6" s="15" t="s">
        <v>84</v>
      </c>
      <c r="F6" s="23"/>
      <c r="G6" s="23"/>
      <c r="H6" s="23"/>
      <c r="I6" s="23"/>
      <c r="J6" s="23"/>
      <c r="K6" s="23"/>
      <c r="L6" s="23"/>
      <c r="M6" s="23"/>
      <c r="N6" s="23"/>
      <c r="O6" s="23"/>
      <c r="P6" s="23"/>
      <c r="Q6" s="23"/>
      <c r="R6" s="23"/>
      <c r="S6" s="23"/>
      <c r="T6" s="23"/>
      <c r="U6" s="23"/>
      <c r="V6" s="23"/>
      <c r="W6" s="23"/>
      <c r="X6" s="23"/>
      <c r="Y6" s="23"/>
      <c r="Z6" s="23"/>
      <c r="AA6" s="23"/>
      <c r="AB6" s="23"/>
      <c r="AC6" s="23"/>
      <c r="AD6" s="23"/>
      <c r="AE6" s="23"/>
      <c r="AF6" s="23"/>
      <c r="AG6" s="23"/>
      <c r="AH6" s="23"/>
      <c r="AI6" s="23"/>
      <c r="AJ6" s="23"/>
      <c r="AK6" s="23"/>
      <c r="AL6" s="23"/>
      <c r="AM6" s="23"/>
      <c r="AN6" s="23"/>
      <c r="AO6" s="23"/>
      <c r="AP6" s="23"/>
      <c r="AQ6" s="23"/>
      <c r="AR6" s="23"/>
      <c r="AS6" s="23"/>
      <c r="AT6" s="23"/>
      <c r="AU6" s="23"/>
      <c r="AV6" s="23"/>
      <c r="AW6" s="23"/>
      <c r="AX6" s="23"/>
      <c r="AY6" s="23"/>
      <c r="AZ6" s="23"/>
      <c r="BA6" s="23"/>
    </row>
    <row r="7" spans="1:53" s="4" customFormat="1" ht="51.95" customHeight="1">
      <c r="A7" s="20" t="s">
        <v>85</v>
      </c>
      <c r="B7" s="24"/>
      <c r="C7" s="20" t="s">
        <v>86</v>
      </c>
      <c r="D7" s="22" t="s">
        <v>87</v>
      </c>
      <c r="E7" s="15" t="s">
        <v>88</v>
      </c>
      <c r="F7" s="23"/>
      <c r="G7" s="23"/>
      <c r="H7" s="23"/>
      <c r="I7" s="23"/>
      <c r="J7" s="23"/>
      <c r="K7" s="23"/>
      <c r="L7" s="23"/>
      <c r="M7" s="23"/>
      <c r="N7" s="23"/>
      <c r="O7" s="23"/>
      <c r="P7" s="23"/>
      <c r="Q7" s="23"/>
      <c r="R7" s="23"/>
      <c r="S7" s="23"/>
      <c r="T7" s="23"/>
      <c r="U7" s="23"/>
      <c r="V7" s="23"/>
      <c r="W7" s="23"/>
      <c r="X7" s="23"/>
      <c r="Y7" s="23"/>
      <c r="Z7" s="23"/>
      <c r="AA7" s="23"/>
      <c r="AB7" s="23"/>
      <c r="AC7" s="23"/>
      <c r="AD7" s="23"/>
      <c r="AE7" s="23"/>
      <c r="AF7" s="23"/>
      <c r="AG7" s="23"/>
      <c r="AH7" s="23"/>
      <c r="AI7" s="23"/>
      <c r="AJ7" s="23"/>
      <c r="AK7" s="23"/>
      <c r="AL7" s="23"/>
      <c r="AM7" s="23"/>
      <c r="AN7" s="23"/>
      <c r="AO7" s="23"/>
      <c r="AP7" s="23"/>
      <c r="AQ7" s="23"/>
      <c r="AR7" s="23"/>
      <c r="AS7" s="23"/>
      <c r="AT7" s="23"/>
      <c r="AU7" s="23"/>
      <c r="AV7" s="23"/>
      <c r="AW7" s="23"/>
      <c r="AX7" s="23"/>
      <c r="AY7" s="23"/>
      <c r="AZ7" s="23"/>
      <c r="BA7" s="23"/>
    </row>
    <row r="8" spans="1:53" ht="12.75" customHeight="1">
      <c r="A8" s="25"/>
      <c r="B8" s="25"/>
      <c r="C8" s="25"/>
      <c r="D8" s="6"/>
    </row>
    <row r="9" spans="1:53" s="5" customFormat="1" ht="51.95" customHeight="1">
      <c r="A9" s="26" t="s">
        <v>89</v>
      </c>
      <c r="B9" s="27"/>
      <c r="C9" s="26" t="s">
        <v>82</v>
      </c>
      <c r="D9" s="28" t="s">
        <v>90</v>
      </c>
      <c r="E9" s="29"/>
      <c r="F9" s="30"/>
      <c r="G9" s="30"/>
      <c r="H9" s="30"/>
      <c r="I9" s="30"/>
      <c r="J9" s="30"/>
      <c r="K9" s="30"/>
      <c r="L9" s="30"/>
      <c r="M9" s="30"/>
      <c r="N9" s="30"/>
      <c r="O9" s="30"/>
      <c r="P9" s="30"/>
      <c r="Q9" s="30"/>
      <c r="R9" s="30"/>
      <c r="S9" s="30"/>
      <c r="T9" s="30"/>
      <c r="U9" s="30"/>
      <c r="V9" s="30"/>
      <c r="W9" s="30"/>
      <c r="X9" s="30"/>
      <c r="Y9" s="30"/>
      <c r="Z9" s="30"/>
      <c r="AA9" s="30"/>
      <c r="AB9" s="30"/>
      <c r="AC9" s="30"/>
      <c r="AD9" s="30"/>
      <c r="AE9" s="30"/>
      <c r="AF9" s="30"/>
      <c r="AG9" s="30"/>
      <c r="AH9" s="30"/>
      <c r="AI9" s="30"/>
      <c r="AJ9" s="30"/>
      <c r="AK9" s="30"/>
      <c r="AL9" s="30"/>
      <c r="AM9" s="30"/>
      <c r="AN9" s="30"/>
      <c r="AO9" s="30"/>
      <c r="AP9" s="30"/>
      <c r="AQ9" s="30"/>
      <c r="AR9" s="30"/>
      <c r="AS9" s="30"/>
      <c r="AT9" s="30"/>
      <c r="AU9" s="30"/>
      <c r="AV9" s="30"/>
      <c r="AW9" s="30"/>
      <c r="AX9" s="30"/>
      <c r="AY9" s="30"/>
      <c r="AZ9" s="30"/>
      <c r="BA9" s="30"/>
    </row>
    <row r="10" spans="1:53" s="5" customFormat="1" ht="51.95" customHeight="1">
      <c r="A10" s="26" t="s">
        <v>91</v>
      </c>
      <c r="B10" s="31"/>
      <c r="C10" s="26" t="s">
        <v>86</v>
      </c>
      <c r="D10" s="28" t="s">
        <v>92</v>
      </c>
      <c r="E10" s="30"/>
      <c r="F10" s="30"/>
      <c r="G10" s="30"/>
      <c r="H10" s="30"/>
      <c r="I10" s="30"/>
      <c r="J10" s="30"/>
      <c r="K10" s="30"/>
      <c r="L10" s="30"/>
      <c r="M10" s="30"/>
      <c r="N10" s="30"/>
      <c r="O10" s="30"/>
      <c r="P10" s="30"/>
      <c r="Q10" s="30"/>
      <c r="R10" s="30"/>
      <c r="S10" s="30"/>
      <c r="T10" s="30"/>
      <c r="U10" s="30"/>
      <c r="V10" s="30"/>
      <c r="W10" s="30"/>
      <c r="X10" s="30"/>
      <c r="Y10" s="30"/>
      <c r="Z10" s="30"/>
      <c r="AA10" s="30"/>
      <c r="AB10" s="30"/>
      <c r="AC10" s="30"/>
      <c r="AD10" s="30"/>
      <c r="AE10" s="30"/>
      <c r="AF10" s="30"/>
      <c r="AG10" s="30"/>
      <c r="AH10" s="30"/>
      <c r="AI10" s="30"/>
      <c r="AJ10" s="30"/>
      <c r="AK10" s="30"/>
      <c r="AL10" s="30"/>
      <c r="AM10" s="30"/>
      <c r="AN10" s="30"/>
      <c r="AO10" s="30"/>
      <c r="AP10" s="30"/>
      <c r="AQ10" s="30"/>
      <c r="AR10" s="30"/>
      <c r="AS10" s="30"/>
      <c r="AT10" s="30"/>
      <c r="AU10" s="30"/>
      <c r="AV10" s="30"/>
      <c r="AW10" s="30"/>
      <c r="AX10" s="30"/>
      <c r="AY10" s="30"/>
      <c r="AZ10" s="30"/>
      <c r="BA10" s="30"/>
    </row>
    <row r="11" spans="1:53" s="5" customFormat="1" ht="51.95" customHeight="1">
      <c r="A11" s="26" t="s">
        <v>93</v>
      </c>
      <c r="B11" s="27"/>
      <c r="C11" s="26" t="s">
        <v>82</v>
      </c>
      <c r="D11" s="28" t="s">
        <v>94</v>
      </c>
      <c r="E11" s="30"/>
      <c r="F11" s="30"/>
      <c r="G11" s="30"/>
      <c r="H11" s="30"/>
      <c r="I11" s="30"/>
      <c r="J11" s="30"/>
      <c r="K11" s="30"/>
      <c r="L11" s="30"/>
      <c r="M11" s="30"/>
      <c r="N11" s="30"/>
      <c r="O11" s="30"/>
      <c r="P11" s="30"/>
      <c r="Q11" s="30"/>
      <c r="R11" s="30"/>
      <c r="S11" s="30"/>
      <c r="T11" s="30"/>
      <c r="U11" s="30"/>
      <c r="V11" s="30"/>
      <c r="W11" s="30"/>
      <c r="X11" s="30"/>
      <c r="Y11" s="30"/>
      <c r="Z11" s="30"/>
      <c r="AA11" s="30"/>
      <c r="AB11" s="30"/>
      <c r="AC11" s="30"/>
      <c r="AD11" s="30"/>
      <c r="AE11" s="30"/>
      <c r="AF11" s="30"/>
      <c r="AG11" s="30"/>
      <c r="AH11" s="30"/>
      <c r="AI11" s="30"/>
      <c r="AJ11" s="30"/>
      <c r="AK11" s="30"/>
      <c r="AL11" s="30"/>
      <c r="AM11" s="30"/>
      <c r="AN11" s="30"/>
      <c r="AO11" s="30"/>
      <c r="AP11" s="30"/>
      <c r="AQ11" s="30"/>
      <c r="AR11" s="30"/>
      <c r="AS11" s="30"/>
      <c r="AT11" s="30"/>
      <c r="AU11" s="30"/>
      <c r="AV11" s="30"/>
      <c r="AW11" s="30"/>
      <c r="AX11" s="30"/>
      <c r="AY11" s="30"/>
      <c r="AZ11" s="30"/>
      <c r="BA11" s="30"/>
    </row>
    <row r="12" spans="1:53" s="5" customFormat="1" ht="51.95" customHeight="1">
      <c r="A12" s="26" t="s">
        <v>95</v>
      </c>
      <c r="B12" s="31"/>
      <c r="C12" s="26" t="s">
        <v>86</v>
      </c>
      <c r="D12" s="28" t="s">
        <v>96</v>
      </c>
      <c r="E12" s="30"/>
      <c r="F12" s="30"/>
      <c r="G12" s="30"/>
      <c r="H12" s="30"/>
      <c r="I12" s="30"/>
      <c r="J12" s="30"/>
      <c r="K12" s="30"/>
      <c r="L12" s="30"/>
      <c r="M12" s="30"/>
      <c r="N12" s="30"/>
      <c r="O12" s="30"/>
      <c r="P12" s="30"/>
      <c r="Q12" s="30"/>
      <c r="R12" s="30"/>
      <c r="S12" s="30"/>
      <c r="T12" s="30"/>
      <c r="U12" s="30"/>
      <c r="V12" s="30"/>
      <c r="W12" s="30"/>
      <c r="X12" s="30"/>
      <c r="Y12" s="30"/>
      <c r="Z12" s="30"/>
      <c r="AA12" s="30"/>
      <c r="AB12" s="30"/>
      <c r="AC12" s="30"/>
      <c r="AD12" s="30"/>
      <c r="AE12" s="30"/>
      <c r="AF12" s="30"/>
      <c r="AG12" s="30"/>
      <c r="AH12" s="30"/>
      <c r="AI12" s="30"/>
      <c r="AJ12" s="30"/>
      <c r="AK12" s="30"/>
      <c r="AL12" s="30"/>
      <c r="AM12" s="30"/>
      <c r="AN12" s="30"/>
      <c r="AO12" s="30"/>
      <c r="AP12" s="30"/>
      <c r="AQ12" s="30"/>
      <c r="AR12" s="30"/>
      <c r="AS12" s="30"/>
      <c r="AT12" s="30"/>
      <c r="AU12" s="30"/>
      <c r="AV12" s="30"/>
      <c r="AW12" s="30"/>
      <c r="AX12" s="30"/>
      <c r="AY12" s="30"/>
      <c r="AZ12" s="30"/>
      <c r="BA12" s="30"/>
    </row>
    <row r="13" spans="1:53" s="3" customFormat="1">
      <c r="A13" s="13" t="s">
        <v>97</v>
      </c>
      <c r="B13" s="14"/>
      <c r="C13" s="13"/>
      <c r="D13" s="15"/>
      <c r="E13" s="16"/>
      <c r="F13" s="16"/>
      <c r="G13" s="16"/>
      <c r="H13" s="16"/>
      <c r="I13" s="16"/>
      <c r="J13" s="16"/>
      <c r="K13" s="16"/>
      <c r="L13" s="16"/>
      <c r="M13" s="16"/>
      <c r="N13" s="16"/>
      <c r="O13" s="16"/>
      <c r="P13" s="16"/>
      <c r="Q13" s="16"/>
      <c r="R13" s="16"/>
      <c r="S13" s="16"/>
      <c r="T13" s="16"/>
      <c r="U13" s="16"/>
      <c r="V13" s="16"/>
      <c r="W13" s="16"/>
      <c r="X13" s="16"/>
      <c r="Y13" s="16"/>
      <c r="Z13" s="16"/>
      <c r="AA13" s="16"/>
      <c r="AB13" s="16"/>
      <c r="AC13" s="16"/>
      <c r="AD13" s="16"/>
      <c r="AE13" s="16"/>
      <c r="AF13" s="16"/>
      <c r="AG13" s="16"/>
      <c r="AH13" s="16"/>
      <c r="AI13" s="16"/>
      <c r="AJ13" s="16"/>
      <c r="AK13" s="16"/>
      <c r="AL13" s="16"/>
      <c r="AM13" s="16"/>
      <c r="AN13" s="16"/>
      <c r="AO13" s="16"/>
      <c r="AP13" s="16"/>
      <c r="AQ13" s="16"/>
      <c r="AR13" s="16"/>
      <c r="AS13" s="16"/>
      <c r="AT13" s="16"/>
      <c r="AU13" s="16"/>
      <c r="AV13" s="16"/>
      <c r="AW13" s="16"/>
      <c r="AX13" s="16"/>
      <c r="AY13" s="16"/>
      <c r="AZ13" s="16"/>
      <c r="BA13" s="16"/>
    </row>
    <row r="14" spans="1:53" s="3" customFormat="1">
      <c r="A14" s="13"/>
      <c r="B14" s="14"/>
      <c r="C14" s="13"/>
      <c r="D14" s="15"/>
      <c r="E14" s="16"/>
      <c r="F14" s="16"/>
      <c r="G14" s="16"/>
      <c r="H14" s="16"/>
      <c r="I14" s="16"/>
      <c r="J14" s="16"/>
      <c r="K14" s="16"/>
      <c r="L14" s="16"/>
      <c r="M14" s="16"/>
      <c r="N14" s="16"/>
      <c r="O14" s="16"/>
      <c r="P14" s="16"/>
      <c r="Q14" s="16"/>
      <c r="R14" s="16"/>
      <c r="S14" s="16"/>
      <c r="T14" s="16"/>
      <c r="U14" s="16"/>
      <c r="V14" s="16"/>
      <c r="W14" s="16"/>
      <c r="X14" s="16"/>
      <c r="Y14" s="16"/>
      <c r="Z14" s="16"/>
      <c r="AA14" s="16"/>
      <c r="AB14" s="16"/>
      <c r="AC14" s="16"/>
      <c r="AD14" s="16"/>
      <c r="AE14" s="16"/>
      <c r="AF14" s="16"/>
      <c r="AG14" s="16"/>
      <c r="AH14" s="16"/>
      <c r="AI14" s="16"/>
      <c r="AJ14" s="16"/>
      <c r="AK14" s="16"/>
      <c r="AL14" s="16"/>
      <c r="AM14" s="16"/>
      <c r="AN14" s="16"/>
      <c r="AO14" s="16"/>
      <c r="AP14" s="16"/>
      <c r="AQ14" s="16"/>
      <c r="AR14" s="16"/>
      <c r="AS14" s="16"/>
      <c r="AT14" s="16"/>
      <c r="AU14" s="16"/>
      <c r="AV14" s="16"/>
      <c r="AW14" s="16"/>
      <c r="AX14" s="16"/>
      <c r="AY14" s="16"/>
      <c r="AZ14" s="16"/>
      <c r="BA14" s="16"/>
    </row>
    <row r="15" spans="1:53" s="5" customFormat="1" ht="51.95" customHeight="1">
      <c r="A15" s="26" t="s">
        <v>98</v>
      </c>
      <c r="B15" s="27"/>
      <c r="C15" s="26" t="s">
        <v>82</v>
      </c>
      <c r="D15" s="28" t="s">
        <v>99</v>
      </c>
      <c r="E15" s="30"/>
      <c r="F15" s="30"/>
      <c r="G15" s="30"/>
      <c r="H15" s="30"/>
      <c r="I15" s="30"/>
      <c r="J15" s="30"/>
      <c r="K15" s="30"/>
      <c r="L15" s="30"/>
      <c r="M15" s="30"/>
      <c r="N15" s="30"/>
      <c r="O15" s="30"/>
      <c r="P15" s="30"/>
      <c r="Q15" s="30"/>
      <c r="R15" s="30"/>
      <c r="S15" s="30"/>
      <c r="T15" s="30"/>
      <c r="U15" s="30"/>
      <c r="V15" s="30"/>
      <c r="W15" s="30"/>
      <c r="X15" s="30"/>
      <c r="Y15" s="30"/>
      <c r="Z15" s="30"/>
      <c r="AA15" s="30"/>
      <c r="AB15" s="30"/>
      <c r="AC15" s="30"/>
      <c r="AD15" s="30"/>
      <c r="AE15" s="30"/>
      <c r="AF15" s="30"/>
      <c r="AG15" s="30"/>
      <c r="AH15" s="30"/>
      <c r="AI15" s="30"/>
      <c r="AJ15" s="30"/>
      <c r="AK15" s="30"/>
      <c r="AL15" s="30"/>
      <c r="AM15" s="30"/>
      <c r="AN15" s="30"/>
      <c r="AO15" s="30"/>
      <c r="AP15" s="30"/>
      <c r="AQ15" s="30"/>
      <c r="AR15" s="30"/>
      <c r="AS15" s="30"/>
      <c r="AT15" s="30"/>
      <c r="AU15" s="30"/>
      <c r="AV15" s="30"/>
      <c r="AW15" s="30"/>
      <c r="AX15" s="30"/>
      <c r="AY15" s="30"/>
      <c r="AZ15" s="30"/>
      <c r="BA15" s="30"/>
    </row>
    <row r="16" spans="1:53" s="5" customFormat="1" ht="51.95" customHeight="1">
      <c r="A16" s="26" t="s">
        <v>100</v>
      </c>
      <c r="B16" s="31"/>
      <c r="C16" s="26" t="s">
        <v>86</v>
      </c>
      <c r="D16" s="28" t="s">
        <v>101</v>
      </c>
      <c r="E16" s="30"/>
      <c r="F16" s="30"/>
      <c r="G16" s="30"/>
      <c r="H16" s="30"/>
      <c r="I16" s="30"/>
      <c r="J16" s="30"/>
      <c r="K16" s="30"/>
      <c r="L16" s="30"/>
      <c r="M16" s="30"/>
      <c r="N16" s="30"/>
      <c r="O16" s="30"/>
      <c r="P16" s="30"/>
      <c r="Q16" s="30"/>
      <c r="R16" s="30"/>
      <c r="S16" s="30"/>
      <c r="T16" s="30"/>
      <c r="U16" s="30"/>
      <c r="V16" s="30"/>
      <c r="W16" s="30"/>
      <c r="X16" s="30"/>
      <c r="Y16" s="30"/>
      <c r="Z16" s="30"/>
      <c r="AA16" s="30"/>
      <c r="AB16" s="30"/>
      <c r="AC16" s="30"/>
      <c r="AD16" s="30"/>
      <c r="AE16" s="30"/>
      <c r="AF16" s="30"/>
      <c r="AG16" s="30"/>
      <c r="AH16" s="30"/>
      <c r="AI16" s="30"/>
      <c r="AJ16" s="30"/>
      <c r="AK16" s="30"/>
      <c r="AL16" s="30"/>
      <c r="AM16" s="30"/>
      <c r="AN16" s="30"/>
      <c r="AO16" s="30"/>
      <c r="AP16" s="30"/>
      <c r="AQ16" s="30"/>
      <c r="AR16" s="30"/>
      <c r="AS16" s="30"/>
      <c r="AT16" s="30"/>
      <c r="AU16" s="30"/>
      <c r="AV16" s="30"/>
      <c r="AW16" s="30"/>
      <c r="AX16" s="30"/>
      <c r="AY16" s="30"/>
      <c r="AZ16" s="30"/>
      <c r="BA16" s="30"/>
    </row>
    <row r="17" spans="1:53" s="5" customFormat="1" ht="51.95" customHeight="1">
      <c r="A17" s="26" t="s">
        <v>102</v>
      </c>
      <c r="B17" s="27"/>
      <c r="C17" s="26" t="s">
        <v>82</v>
      </c>
      <c r="D17" s="28" t="s">
        <v>103</v>
      </c>
      <c r="E17" s="30"/>
      <c r="F17" s="30"/>
      <c r="G17" s="30"/>
      <c r="H17" s="30"/>
      <c r="I17" s="30"/>
      <c r="J17" s="30"/>
      <c r="K17" s="30"/>
      <c r="L17" s="30"/>
      <c r="M17" s="30"/>
      <c r="N17" s="30"/>
      <c r="O17" s="30"/>
      <c r="P17" s="30"/>
      <c r="Q17" s="30"/>
      <c r="R17" s="30"/>
      <c r="S17" s="30"/>
      <c r="T17" s="30"/>
      <c r="U17" s="30"/>
      <c r="V17" s="30"/>
      <c r="W17" s="30"/>
      <c r="X17" s="30"/>
      <c r="Y17" s="30"/>
      <c r="Z17" s="30"/>
      <c r="AA17" s="30"/>
      <c r="AB17" s="30"/>
      <c r="AC17" s="30"/>
      <c r="AD17" s="30"/>
      <c r="AE17" s="30"/>
      <c r="AF17" s="30"/>
      <c r="AG17" s="30"/>
      <c r="AH17" s="30"/>
      <c r="AI17" s="30"/>
      <c r="AJ17" s="30"/>
      <c r="AK17" s="30"/>
      <c r="AL17" s="30"/>
      <c r="AM17" s="30"/>
      <c r="AN17" s="30"/>
      <c r="AO17" s="30"/>
      <c r="AP17" s="30"/>
      <c r="AQ17" s="30"/>
      <c r="AR17" s="30"/>
      <c r="AS17" s="30"/>
      <c r="AT17" s="30"/>
      <c r="AU17" s="30"/>
      <c r="AV17" s="30"/>
      <c r="AW17" s="30"/>
      <c r="AX17" s="30"/>
      <c r="AY17" s="30"/>
      <c r="AZ17" s="30"/>
      <c r="BA17" s="30"/>
    </row>
    <row r="18" spans="1:53" s="5" customFormat="1" ht="51.95" customHeight="1">
      <c r="A18" s="26" t="s">
        <v>102</v>
      </c>
      <c r="B18" s="31"/>
      <c r="C18" s="26" t="s">
        <v>86</v>
      </c>
      <c r="D18" s="28" t="s">
        <v>104</v>
      </c>
      <c r="E18" s="30"/>
      <c r="F18" s="30"/>
      <c r="G18" s="30"/>
      <c r="H18" s="30"/>
      <c r="I18" s="30"/>
      <c r="J18" s="30"/>
      <c r="K18" s="30"/>
      <c r="L18" s="30"/>
      <c r="M18" s="30"/>
      <c r="N18" s="30"/>
      <c r="O18" s="30"/>
      <c r="P18" s="30"/>
      <c r="Q18" s="30"/>
      <c r="R18" s="30"/>
      <c r="S18" s="30"/>
      <c r="T18" s="30"/>
      <c r="U18" s="30"/>
      <c r="V18" s="30"/>
      <c r="W18" s="30"/>
      <c r="X18" s="30"/>
      <c r="Y18" s="30"/>
      <c r="Z18" s="30"/>
      <c r="AA18" s="30"/>
      <c r="AB18" s="30"/>
      <c r="AC18" s="30"/>
      <c r="AD18" s="30"/>
      <c r="AE18" s="30"/>
      <c r="AF18" s="30"/>
      <c r="AG18" s="30"/>
      <c r="AH18" s="30"/>
      <c r="AI18" s="30"/>
      <c r="AJ18" s="30"/>
      <c r="AK18" s="30"/>
      <c r="AL18" s="30"/>
      <c r="AM18" s="30"/>
      <c r="AN18" s="30"/>
      <c r="AO18" s="30"/>
      <c r="AP18" s="30"/>
      <c r="AQ18" s="30"/>
      <c r="AR18" s="30"/>
      <c r="AS18" s="30"/>
      <c r="AT18" s="30"/>
      <c r="AU18" s="30"/>
      <c r="AV18" s="30"/>
      <c r="AW18" s="30"/>
      <c r="AX18" s="30"/>
      <c r="AY18" s="30"/>
      <c r="AZ18" s="30"/>
      <c r="BA18" s="30"/>
    </row>
    <row r="19" spans="1:53" s="3" customFormat="1">
      <c r="A19" s="13"/>
      <c r="B19" s="14"/>
      <c r="C19" s="13"/>
      <c r="D19" s="15"/>
      <c r="E19" s="16"/>
      <c r="F19" s="16"/>
      <c r="G19" s="16"/>
      <c r="H19" s="16"/>
      <c r="I19" s="16"/>
      <c r="J19" s="16"/>
      <c r="K19" s="16"/>
      <c r="L19" s="16"/>
      <c r="M19" s="16"/>
      <c r="N19" s="16"/>
      <c r="O19" s="16"/>
      <c r="P19" s="16"/>
      <c r="Q19" s="16"/>
      <c r="R19" s="16"/>
      <c r="S19" s="16"/>
      <c r="T19" s="16"/>
      <c r="U19" s="16"/>
      <c r="V19" s="16"/>
      <c r="W19" s="16"/>
      <c r="X19" s="16"/>
      <c r="Y19" s="16"/>
      <c r="Z19" s="16"/>
      <c r="AA19" s="16"/>
      <c r="AB19" s="16"/>
      <c r="AC19" s="16"/>
      <c r="AD19" s="16"/>
      <c r="AE19" s="16"/>
      <c r="AF19" s="16"/>
      <c r="AG19" s="16"/>
      <c r="AH19" s="16"/>
      <c r="AI19" s="16"/>
      <c r="AJ19" s="16"/>
      <c r="AK19" s="16"/>
      <c r="AL19" s="16"/>
      <c r="AM19" s="16"/>
      <c r="AN19" s="16"/>
      <c r="AO19" s="16"/>
      <c r="AP19" s="16"/>
      <c r="AQ19" s="16"/>
      <c r="AR19" s="16"/>
      <c r="AS19" s="16"/>
      <c r="AT19" s="16"/>
      <c r="AU19" s="16"/>
      <c r="AV19" s="16"/>
      <c r="AW19" s="16"/>
      <c r="AX19" s="16"/>
      <c r="AY19" s="16"/>
      <c r="AZ19" s="16"/>
      <c r="BA19" s="16"/>
    </row>
    <row r="20" spans="1:53" s="4" customFormat="1" ht="51.95" customHeight="1">
      <c r="A20" s="20" t="s">
        <v>105</v>
      </c>
      <c r="B20" s="21"/>
      <c r="C20" s="20" t="s">
        <v>82</v>
      </c>
      <c r="D20" s="22" t="s">
        <v>106</v>
      </c>
      <c r="E20" s="15" t="s">
        <v>107</v>
      </c>
      <c r="F20" s="23"/>
      <c r="G20" s="23"/>
      <c r="H20" s="23"/>
      <c r="I20" s="23"/>
      <c r="J20" s="23"/>
      <c r="K20" s="23"/>
      <c r="L20" s="23"/>
      <c r="M20" s="23"/>
      <c r="N20" s="23"/>
      <c r="O20" s="23"/>
      <c r="P20" s="23"/>
      <c r="Q20" s="23"/>
      <c r="R20" s="23"/>
      <c r="S20" s="23"/>
      <c r="T20" s="23"/>
      <c r="U20" s="23"/>
      <c r="V20" s="23"/>
      <c r="W20" s="23"/>
      <c r="X20" s="23"/>
      <c r="Y20" s="23"/>
      <c r="Z20" s="23"/>
      <c r="AA20" s="23"/>
      <c r="AB20" s="23"/>
      <c r="AC20" s="23"/>
      <c r="AD20" s="23"/>
      <c r="AE20" s="23"/>
      <c r="AF20" s="23"/>
      <c r="AG20" s="23"/>
      <c r="AH20" s="23"/>
      <c r="AI20" s="23"/>
      <c r="AJ20" s="23"/>
      <c r="AK20" s="23"/>
      <c r="AL20" s="23"/>
      <c r="AM20" s="23"/>
      <c r="AN20" s="23"/>
      <c r="AO20" s="23"/>
      <c r="AP20" s="23"/>
      <c r="AQ20" s="23"/>
      <c r="AR20" s="23"/>
      <c r="AS20" s="23"/>
      <c r="AT20" s="23"/>
      <c r="AU20" s="23"/>
      <c r="AV20" s="23"/>
      <c r="AW20" s="23"/>
      <c r="AX20" s="23"/>
      <c r="AY20" s="23"/>
      <c r="AZ20" s="23"/>
      <c r="BA20" s="23"/>
    </row>
    <row r="21" spans="1:53" s="4" customFormat="1" ht="51.95" customHeight="1">
      <c r="A21" s="20" t="s">
        <v>108</v>
      </c>
      <c r="B21" s="24"/>
      <c r="C21" s="20" t="s">
        <v>86</v>
      </c>
      <c r="D21" s="22" t="s">
        <v>109</v>
      </c>
      <c r="E21" s="15" t="s">
        <v>110</v>
      </c>
      <c r="F21" s="23"/>
      <c r="G21" s="23"/>
      <c r="H21" s="23"/>
      <c r="I21" s="23"/>
      <c r="J21" s="23"/>
      <c r="K21" s="23"/>
      <c r="L21" s="23"/>
      <c r="M21" s="23"/>
      <c r="N21" s="23"/>
      <c r="O21" s="23"/>
      <c r="P21" s="23"/>
      <c r="Q21" s="23"/>
      <c r="R21" s="23"/>
      <c r="S21" s="23"/>
      <c r="T21" s="23"/>
      <c r="U21" s="23"/>
      <c r="V21" s="23"/>
      <c r="W21" s="23"/>
      <c r="X21" s="23"/>
      <c r="Y21" s="23"/>
      <c r="Z21" s="23"/>
      <c r="AA21" s="23"/>
      <c r="AB21" s="23"/>
      <c r="AC21" s="23"/>
      <c r="AD21" s="23"/>
      <c r="AE21" s="23"/>
      <c r="AF21" s="23"/>
      <c r="AG21" s="23"/>
      <c r="AH21" s="23"/>
      <c r="AI21" s="23"/>
      <c r="AJ21" s="23"/>
      <c r="AK21" s="23"/>
      <c r="AL21" s="23"/>
      <c r="AM21" s="23"/>
      <c r="AN21" s="23"/>
      <c r="AO21" s="23"/>
      <c r="AP21" s="23"/>
      <c r="AQ21" s="23"/>
      <c r="AR21" s="23"/>
      <c r="AS21" s="23"/>
      <c r="AT21" s="23"/>
      <c r="AU21" s="23"/>
      <c r="AV21" s="23"/>
      <c r="AW21" s="23"/>
      <c r="AX21" s="23"/>
      <c r="AY21" s="23"/>
      <c r="AZ21" s="23"/>
      <c r="BA21" s="23"/>
    </row>
    <row r="22" spans="1:53" s="5" customFormat="1" ht="51.95" customHeight="1">
      <c r="A22" s="26" t="s">
        <v>111</v>
      </c>
      <c r="B22" s="27"/>
      <c r="C22" s="26" t="s">
        <v>82</v>
      </c>
      <c r="D22" s="28" t="s">
        <v>112</v>
      </c>
      <c r="E22" s="30"/>
      <c r="F22" s="30"/>
      <c r="G22" s="30"/>
      <c r="H22" s="30"/>
      <c r="I22" s="30"/>
      <c r="J22" s="30"/>
      <c r="K22" s="30"/>
      <c r="L22" s="30"/>
      <c r="M22" s="30"/>
      <c r="N22" s="30"/>
      <c r="O22" s="30"/>
      <c r="P22" s="30"/>
      <c r="Q22" s="30"/>
      <c r="R22" s="30"/>
      <c r="S22" s="30"/>
      <c r="T22" s="30"/>
      <c r="U22" s="30"/>
      <c r="V22" s="30"/>
      <c r="W22" s="30"/>
      <c r="X22" s="30"/>
      <c r="Y22" s="30"/>
      <c r="Z22" s="30"/>
      <c r="AA22" s="30"/>
      <c r="AB22" s="30"/>
      <c r="AC22" s="30"/>
      <c r="AD22" s="30"/>
      <c r="AE22" s="30"/>
      <c r="AF22" s="30"/>
      <c r="AG22" s="30"/>
      <c r="AH22" s="30"/>
      <c r="AI22" s="30"/>
      <c r="AJ22" s="30"/>
      <c r="AK22" s="30"/>
      <c r="AL22" s="30"/>
      <c r="AM22" s="30"/>
      <c r="AN22" s="30"/>
      <c r="AO22" s="30"/>
      <c r="AP22" s="30"/>
      <c r="AQ22" s="30"/>
      <c r="AR22" s="30"/>
      <c r="AS22" s="30"/>
      <c r="AT22" s="30"/>
      <c r="AU22" s="30"/>
      <c r="AV22" s="30"/>
      <c r="AW22" s="30"/>
      <c r="AX22" s="30"/>
      <c r="AY22" s="30"/>
      <c r="AZ22" s="30"/>
      <c r="BA22" s="30"/>
    </row>
    <row r="23" spans="1:53" s="5" customFormat="1" ht="51.95" customHeight="1">
      <c r="A23" s="26" t="s">
        <v>113</v>
      </c>
      <c r="B23" s="27"/>
      <c r="C23" s="26" t="s">
        <v>86</v>
      </c>
      <c r="D23" s="28" t="s">
        <v>114</v>
      </c>
      <c r="E23" s="30"/>
      <c r="F23" s="30"/>
      <c r="G23" s="30"/>
      <c r="H23" s="30"/>
      <c r="I23" s="30"/>
      <c r="J23" s="30"/>
      <c r="K23" s="30"/>
      <c r="L23" s="30"/>
      <c r="M23" s="30"/>
      <c r="N23" s="30"/>
      <c r="O23" s="30"/>
      <c r="P23" s="30"/>
      <c r="Q23" s="30"/>
      <c r="R23" s="30"/>
      <c r="S23" s="30"/>
      <c r="T23" s="30"/>
      <c r="U23" s="30"/>
      <c r="V23" s="30"/>
      <c r="W23" s="30"/>
      <c r="X23" s="30"/>
      <c r="Y23" s="30"/>
      <c r="Z23" s="30"/>
      <c r="AA23" s="30"/>
      <c r="AB23" s="30"/>
      <c r="AC23" s="30"/>
      <c r="AD23" s="30"/>
      <c r="AE23" s="30"/>
      <c r="AF23" s="30"/>
      <c r="AG23" s="30"/>
      <c r="AH23" s="30"/>
      <c r="AI23" s="30"/>
      <c r="AJ23" s="30"/>
      <c r="AK23" s="30"/>
      <c r="AL23" s="30"/>
      <c r="AM23" s="30"/>
      <c r="AN23" s="30"/>
      <c r="AO23" s="30"/>
      <c r="AP23" s="30"/>
      <c r="AQ23" s="30"/>
      <c r="AR23" s="30"/>
      <c r="AS23" s="30"/>
      <c r="AT23" s="30"/>
      <c r="AU23" s="30"/>
      <c r="AV23" s="30"/>
      <c r="AW23" s="30"/>
      <c r="AX23" s="30"/>
      <c r="AY23" s="30"/>
      <c r="AZ23" s="30"/>
      <c r="BA23" s="30"/>
    </row>
    <row r="24" spans="1:53" s="5" customFormat="1" ht="51.95" customHeight="1">
      <c r="A24" s="26" t="s">
        <v>115</v>
      </c>
      <c r="B24" s="27"/>
      <c r="C24" s="26" t="s">
        <v>82</v>
      </c>
      <c r="D24" s="28" t="s">
        <v>116</v>
      </c>
      <c r="E24" s="30"/>
      <c r="F24" s="30"/>
      <c r="G24" s="30"/>
      <c r="H24" s="30"/>
      <c r="I24" s="30"/>
      <c r="J24" s="30"/>
      <c r="K24" s="30"/>
      <c r="L24" s="30"/>
      <c r="M24" s="30"/>
      <c r="N24" s="30"/>
      <c r="O24" s="30"/>
      <c r="P24" s="30"/>
      <c r="Q24" s="30"/>
      <c r="R24" s="30"/>
      <c r="S24" s="30"/>
      <c r="T24" s="30"/>
      <c r="U24" s="30"/>
      <c r="V24" s="30"/>
      <c r="W24" s="30"/>
      <c r="X24" s="30"/>
      <c r="Y24" s="30"/>
      <c r="Z24" s="30"/>
      <c r="AA24" s="30"/>
      <c r="AB24" s="30"/>
      <c r="AC24" s="30"/>
      <c r="AD24" s="30"/>
      <c r="AE24" s="30"/>
      <c r="AF24" s="30"/>
      <c r="AG24" s="30"/>
      <c r="AH24" s="30"/>
      <c r="AI24" s="30"/>
      <c r="AJ24" s="30"/>
      <c r="AK24" s="30"/>
      <c r="AL24" s="30"/>
      <c r="AM24" s="30"/>
      <c r="AN24" s="30"/>
      <c r="AO24" s="30"/>
      <c r="AP24" s="30"/>
      <c r="AQ24" s="30"/>
      <c r="AR24" s="30"/>
      <c r="AS24" s="30"/>
      <c r="AT24" s="30"/>
      <c r="AU24" s="30"/>
      <c r="AV24" s="30"/>
      <c r="AW24" s="30"/>
      <c r="AX24" s="30"/>
      <c r="AY24" s="30"/>
      <c r="AZ24" s="30"/>
      <c r="BA24" s="30"/>
    </row>
    <row r="25" spans="1:53" s="5" customFormat="1" ht="51.95" customHeight="1">
      <c r="A25" s="26" t="s">
        <v>117</v>
      </c>
      <c r="B25" s="27"/>
      <c r="C25" s="26" t="s">
        <v>86</v>
      </c>
      <c r="D25" s="28" t="s">
        <v>118</v>
      </c>
      <c r="E25" s="30"/>
      <c r="F25" s="30"/>
      <c r="G25" s="30"/>
      <c r="H25" s="30"/>
      <c r="I25" s="30"/>
      <c r="J25" s="30"/>
      <c r="K25" s="30"/>
      <c r="L25" s="30"/>
      <c r="M25" s="30"/>
      <c r="N25" s="30"/>
      <c r="O25" s="30"/>
      <c r="P25" s="30"/>
      <c r="Q25" s="30"/>
      <c r="R25" s="30"/>
      <c r="S25" s="30"/>
      <c r="T25" s="30"/>
      <c r="U25" s="30"/>
      <c r="V25" s="30"/>
      <c r="W25" s="30"/>
      <c r="X25" s="30"/>
      <c r="Y25" s="30"/>
      <c r="Z25" s="30"/>
      <c r="AA25" s="30"/>
      <c r="AB25" s="30"/>
      <c r="AC25" s="30"/>
      <c r="AD25" s="30"/>
      <c r="AE25" s="30"/>
      <c r="AF25" s="30"/>
      <c r="AG25" s="30"/>
      <c r="AH25" s="30"/>
      <c r="AI25" s="30"/>
      <c r="AJ25" s="30"/>
      <c r="AK25" s="30"/>
      <c r="AL25" s="30"/>
      <c r="AM25" s="30"/>
      <c r="AN25" s="30"/>
      <c r="AO25" s="30"/>
      <c r="AP25" s="30"/>
      <c r="AQ25" s="30"/>
      <c r="AR25" s="30"/>
      <c r="AS25" s="30"/>
      <c r="AT25" s="30"/>
      <c r="AU25" s="30"/>
      <c r="AV25" s="30"/>
      <c r="AW25" s="30"/>
      <c r="AX25" s="30"/>
      <c r="AY25" s="30"/>
      <c r="AZ25" s="30"/>
      <c r="BA25" s="30"/>
    </row>
    <row r="26" spans="1:53" s="3" customFormat="1">
      <c r="A26" s="13"/>
      <c r="B26" s="14"/>
      <c r="C26" s="13"/>
      <c r="D26" s="15"/>
      <c r="E26" s="16"/>
      <c r="F26" s="16"/>
      <c r="G26" s="16"/>
      <c r="H26" s="16"/>
      <c r="I26" s="16"/>
      <c r="J26" s="16"/>
      <c r="K26" s="16"/>
      <c r="L26" s="16"/>
      <c r="M26" s="16"/>
      <c r="N26" s="16"/>
      <c r="O26" s="16"/>
      <c r="P26" s="16"/>
      <c r="Q26" s="16"/>
      <c r="R26" s="16"/>
      <c r="S26" s="16"/>
      <c r="T26" s="16"/>
      <c r="U26" s="16"/>
      <c r="V26" s="16"/>
      <c r="W26" s="16"/>
      <c r="X26" s="16"/>
      <c r="Y26" s="16"/>
      <c r="Z26" s="16"/>
      <c r="AA26" s="16"/>
      <c r="AB26" s="16"/>
      <c r="AC26" s="16"/>
      <c r="AD26" s="16"/>
      <c r="AE26" s="16"/>
      <c r="AF26" s="16"/>
      <c r="AG26" s="16"/>
      <c r="AH26" s="16"/>
      <c r="AI26" s="16"/>
      <c r="AJ26" s="16"/>
      <c r="AK26" s="16"/>
      <c r="AL26" s="16"/>
      <c r="AM26" s="16"/>
      <c r="AN26" s="16"/>
      <c r="AO26" s="16"/>
      <c r="AP26" s="16"/>
      <c r="AQ26" s="16"/>
      <c r="AR26" s="16"/>
      <c r="AS26" s="16"/>
      <c r="AT26" s="16"/>
      <c r="AU26" s="16"/>
      <c r="AV26" s="16"/>
      <c r="AW26" s="16"/>
      <c r="AX26" s="16"/>
      <c r="AY26" s="16"/>
      <c r="AZ26" s="16"/>
      <c r="BA26" s="16"/>
    </row>
    <row r="27" spans="1:53" s="5" customFormat="1" ht="51.95" customHeight="1">
      <c r="A27" s="32" t="s">
        <v>119</v>
      </c>
      <c r="B27" s="33"/>
      <c r="C27" s="26" t="s">
        <v>82</v>
      </c>
      <c r="D27" s="28" t="s">
        <v>120</v>
      </c>
      <c r="E27" s="30"/>
      <c r="F27" s="30"/>
      <c r="G27" s="30"/>
      <c r="H27" s="30"/>
      <c r="I27" s="30"/>
      <c r="J27" s="30"/>
      <c r="K27" s="30"/>
      <c r="L27" s="30"/>
      <c r="M27" s="30"/>
      <c r="N27" s="30"/>
      <c r="O27" s="30"/>
      <c r="P27" s="30"/>
      <c r="Q27" s="30"/>
      <c r="R27" s="30"/>
      <c r="S27" s="30"/>
      <c r="T27" s="30"/>
      <c r="U27" s="30"/>
      <c r="V27" s="30"/>
      <c r="W27" s="30"/>
      <c r="X27" s="30"/>
      <c r="Y27" s="30"/>
      <c r="Z27" s="30"/>
      <c r="AA27" s="30"/>
      <c r="AB27" s="30"/>
      <c r="AC27" s="30"/>
      <c r="AD27" s="30"/>
      <c r="AE27" s="30"/>
      <c r="AF27" s="30"/>
      <c r="AG27" s="30"/>
      <c r="AH27" s="30"/>
      <c r="AI27" s="30"/>
      <c r="AJ27" s="30"/>
      <c r="AK27" s="30"/>
      <c r="AL27" s="30"/>
      <c r="AM27" s="30"/>
      <c r="AN27" s="30"/>
      <c r="AO27" s="30"/>
      <c r="AP27" s="30"/>
      <c r="AQ27" s="30"/>
      <c r="AR27" s="30"/>
      <c r="AS27" s="30"/>
      <c r="AT27" s="30"/>
      <c r="AU27" s="30"/>
      <c r="AV27" s="30"/>
      <c r="AW27" s="30"/>
      <c r="AX27" s="30"/>
      <c r="AY27" s="30"/>
      <c r="AZ27" s="30"/>
      <c r="BA27" s="30"/>
    </row>
    <row r="28" spans="1:53" s="5" customFormat="1" ht="51.95" customHeight="1">
      <c r="A28" s="32" t="s">
        <v>121</v>
      </c>
      <c r="B28" s="33"/>
      <c r="C28" s="26" t="s">
        <v>86</v>
      </c>
      <c r="D28" s="28" t="s">
        <v>122</v>
      </c>
      <c r="E28" s="30"/>
      <c r="F28" s="30"/>
      <c r="G28" s="30"/>
      <c r="H28" s="30"/>
      <c r="I28" s="30"/>
      <c r="J28" s="30"/>
      <c r="K28" s="30"/>
      <c r="L28" s="30"/>
      <c r="M28" s="30"/>
      <c r="N28" s="30"/>
      <c r="O28" s="30"/>
      <c r="P28" s="30"/>
      <c r="Q28" s="30"/>
      <c r="R28" s="30"/>
      <c r="S28" s="30"/>
      <c r="T28" s="30"/>
      <c r="U28" s="30"/>
      <c r="V28" s="30"/>
      <c r="W28" s="30"/>
      <c r="X28" s="30"/>
      <c r="Y28" s="30"/>
      <c r="Z28" s="30"/>
      <c r="AA28" s="30"/>
      <c r="AB28" s="30"/>
      <c r="AC28" s="30"/>
      <c r="AD28" s="30"/>
      <c r="AE28" s="30"/>
      <c r="AF28" s="30"/>
      <c r="AG28" s="30"/>
      <c r="AH28" s="30"/>
      <c r="AI28" s="30"/>
      <c r="AJ28" s="30"/>
      <c r="AK28" s="30"/>
      <c r="AL28" s="30"/>
      <c r="AM28" s="30"/>
      <c r="AN28" s="30"/>
      <c r="AO28" s="30"/>
      <c r="AP28" s="30"/>
      <c r="AQ28" s="30"/>
      <c r="AR28" s="30"/>
      <c r="AS28" s="30"/>
      <c r="AT28" s="30"/>
      <c r="AU28" s="30"/>
      <c r="AV28" s="30"/>
      <c r="AW28" s="30"/>
      <c r="AX28" s="30"/>
      <c r="AY28" s="30"/>
      <c r="AZ28" s="30"/>
      <c r="BA28" s="30"/>
    </row>
    <row r="29" spans="1:53" s="3" customFormat="1">
      <c r="A29" s="13"/>
      <c r="B29" s="14"/>
      <c r="C29" s="13"/>
      <c r="D29" s="15"/>
      <c r="E29" s="16"/>
      <c r="F29" s="16"/>
      <c r="G29" s="16"/>
      <c r="H29" s="16"/>
      <c r="I29" s="16"/>
      <c r="J29" s="16"/>
      <c r="K29" s="16"/>
      <c r="L29" s="16"/>
      <c r="M29" s="16"/>
      <c r="N29" s="16"/>
      <c r="O29" s="16"/>
      <c r="P29" s="16"/>
      <c r="Q29" s="16"/>
      <c r="R29" s="16"/>
      <c r="S29" s="16"/>
      <c r="T29" s="16"/>
      <c r="U29" s="16"/>
      <c r="V29" s="16"/>
      <c r="W29" s="16"/>
      <c r="X29" s="16"/>
      <c r="Y29" s="16"/>
      <c r="Z29" s="16"/>
      <c r="AA29" s="16"/>
      <c r="AB29" s="16"/>
      <c r="AC29" s="16"/>
      <c r="AD29" s="16"/>
      <c r="AE29" s="16"/>
      <c r="AF29" s="16"/>
      <c r="AG29" s="16"/>
      <c r="AH29" s="16"/>
      <c r="AI29" s="16"/>
      <c r="AJ29" s="16"/>
      <c r="AK29" s="16"/>
      <c r="AL29" s="16"/>
      <c r="AM29" s="16"/>
      <c r="AN29" s="16"/>
      <c r="AO29" s="16"/>
      <c r="AP29" s="16"/>
      <c r="AQ29" s="16"/>
      <c r="AR29" s="16"/>
      <c r="AS29" s="16"/>
      <c r="AT29" s="16"/>
      <c r="AU29" s="16"/>
      <c r="AV29" s="16"/>
      <c r="AW29" s="16"/>
      <c r="AX29" s="16"/>
      <c r="AY29" s="16"/>
      <c r="AZ29" s="16"/>
      <c r="BA29" s="16"/>
    </row>
    <row r="30" spans="1:53" s="5" customFormat="1" ht="51.95" customHeight="1">
      <c r="A30" s="26" t="s">
        <v>123</v>
      </c>
      <c r="B30" s="27"/>
      <c r="C30" s="26" t="s">
        <v>82</v>
      </c>
      <c r="D30" s="28" t="s">
        <v>124</v>
      </c>
      <c r="E30" s="30"/>
      <c r="F30" s="30"/>
      <c r="G30" s="30"/>
      <c r="H30" s="30"/>
      <c r="I30" s="30"/>
      <c r="J30" s="30"/>
      <c r="K30" s="30"/>
      <c r="L30" s="30"/>
      <c r="M30" s="30"/>
      <c r="N30" s="30"/>
      <c r="O30" s="30"/>
      <c r="P30" s="30"/>
      <c r="Q30" s="30"/>
      <c r="R30" s="30"/>
      <c r="S30" s="30"/>
      <c r="T30" s="30"/>
      <c r="U30" s="30"/>
      <c r="V30" s="30"/>
      <c r="W30" s="30"/>
      <c r="X30" s="30"/>
      <c r="Y30" s="30"/>
      <c r="Z30" s="30"/>
      <c r="AA30" s="30"/>
      <c r="AB30" s="30"/>
      <c r="AC30" s="30"/>
      <c r="AD30" s="30"/>
      <c r="AE30" s="30"/>
      <c r="AF30" s="30"/>
      <c r="AG30" s="30"/>
      <c r="AH30" s="30"/>
      <c r="AI30" s="30"/>
      <c r="AJ30" s="30"/>
      <c r="AK30" s="30"/>
      <c r="AL30" s="30"/>
      <c r="AM30" s="30"/>
      <c r="AN30" s="30"/>
      <c r="AO30" s="30"/>
      <c r="AP30" s="30"/>
      <c r="AQ30" s="30"/>
      <c r="AR30" s="30"/>
      <c r="AS30" s="30"/>
      <c r="AT30" s="30"/>
      <c r="AU30" s="30"/>
      <c r="AV30" s="30"/>
      <c r="AW30" s="30"/>
      <c r="AX30" s="30"/>
      <c r="AY30" s="30"/>
      <c r="AZ30" s="30"/>
      <c r="BA30" s="30"/>
    </row>
    <row r="31" spans="1:53" s="5" customFormat="1" ht="51.95" customHeight="1">
      <c r="A31" s="26" t="s">
        <v>125</v>
      </c>
      <c r="B31" s="27"/>
      <c r="C31" s="26" t="s">
        <v>86</v>
      </c>
      <c r="D31" s="28" t="s">
        <v>126</v>
      </c>
      <c r="E31" s="30"/>
      <c r="F31" s="30"/>
      <c r="G31" s="30"/>
      <c r="H31" s="30"/>
      <c r="I31" s="30"/>
      <c r="J31" s="30"/>
      <c r="K31" s="30"/>
      <c r="L31" s="30"/>
      <c r="M31" s="30"/>
      <c r="N31" s="30"/>
      <c r="O31" s="30"/>
      <c r="P31" s="30"/>
      <c r="Q31" s="30"/>
      <c r="R31" s="30"/>
      <c r="S31" s="30"/>
      <c r="T31" s="30"/>
      <c r="U31" s="30"/>
      <c r="V31" s="30"/>
      <c r="W31" s="30"/>
      <c r="X31" s="30"/>
      <c r="Y31" s="30"/>
      <c r="Z31" s="30"/>
      <c r="AA31" s="30"/>
      <c r="AB31" s="30"/>
      <c r="AC31" s="30"/>
      <c r="AD31" s="30"/>
      <c r="AE31" s="30"/>
      <c r="AF31" s="30"/>
      <c r="AG31" s="30"/>
      <c r="AH31" s="30"/>
      <c r="AI31" s="30"/>
      <c r="AJ31" s="30"/>
      <c r="AK31" s="30"/>
      <c r="AL31" s="30"/>
      <c r="AM31" s="30"/>
      <c r="AN31" s="30"/>
      <c r="AO31" s="30"/>
      <c r="AP31" s="30"/>
      <c r="AQ31" s="30"/>
      <c r="AR31" s="30"/>
      <c r="AS31" s="30"/>
      <c r="AT31" s="30"/>
      <c r="AU31" s="30"/>
      <c r="AV31" s="30"/>
      <c r="AW31" s="30"/>
      <c r="AX31" s="30"/>
      <c r="AY31" s="30"/>
      <c r="AZ31" s="30"/>
      <c r="BA31" s="30"/>
    </row>
    <row r="32" spans="1:53" s="5" customFormat="1" ht="51.95" customHeight="1">
      <c r="A32" s="26" t="s">
        <v>127</v>
      </c>
      <c r="B32" s="27"/>
      <c r="C32" s="26" t="s">
        <v>82</v>
      </c>
      <c r="D32" s="28" t="s">
        <v>128</v>
      </c>
      <c r="E32" s="30"/>
      <c r="F32" s="30"/>
      <c r="G32" s="30"/>
      <c r="H32" s="30"/>
      <c r="I32" s="30"/>
      <c r="J32" s="30"/>
      <c r="K32" s="30"/>
      <c r="L32" s="30"/>
      <c r="M32" s="30"/>
      <c r="N32" s="30"/>
      <c r="O32" s="30"/>
      <c r="P32" s="30"/>
      <c r="Q32" s="30"/>
      <c r="R32" s="30"/>
      <c r="S32" s="30"/>
      <c r="T32" s="30"/>
      <c r="U32" s="30"/>
      <c r="V32" s="30"/>
      <c r="W32" s="30"/>
      <c r="X32" s="30"/>
      <c r="Y32" s="30"/>
      <c r="Z32" s="30"/>
      <c r="AA32" s="30"/>
      <c r="AB32" s="30"/>
      <c r="AC32" s="30"/>
      <c r="AD32" s="30"/>
      <c r="AE32" s="30"/>
      <c r="AF32" s="30"/>
      <c r="AG32" s="30"/>
      <c r="AH32" s="30"/>
      <c r="AI32" s="30"/>
      <c r="AJ32" s="30"/>
      <c r="AK32" s="30"/>
      <c r="AL32" s="30"/>
      <c r="AM32" s="30"/>
      <c r="AN32" s="30"/>
      <c r="AO32" s="30"/>
      <c r="AP32" s="30"/>
      <c r="AQ32" s="30"/>
      <c r="AR32" s="30"/>
      <c r="AS32" s="30"/>
      <c r="AT32" s="30"/>
      <c r="AU32" s="30"/>
      <c r="AV32" s="30"/>
      <c r="AW32" s="30"/>
      <c r="AX32" s="30"/>
      <c r="AY32" s="30"/>
      <c r="AZ32" s="30"/>
      <c r="BA32" s="30"/>
    </row>
    <row r="33" spans="1:53" s="5" customFormat="1" ht="51.95" customHeight="1">
      <c r="A33" s="26" t="s">
        <v>129</v>
      </c>
      <c r="B33" s="27"/>
      <c r="C33" s="26" t="s">
        <v>86</v>
      </c>
      <c r="D33" s="28" t="s">
        <v>130</v>
      </c>
      <c r="E33" s="30"/>
      <c r="F33" s="30"/>
      <c r="G33" s="30"/>
      <c r="H33" s="30"/>
      <c r="I33" s="30"/>
      <c r="J33" s="30"/>
      <c r="K33" s="30"/>
      <c r="L33" s="30"/>
      <c r="M33" s="30"/>
      <c r="N33" s="30"/>
      <c r="O33" s="30"/>
      <c r="P33" s="30"/>
      <c r="Q33" s="30"/>
      <c r="R33" s="30"/>
      <c r="S33" s="30"/>
      <c r="T33" s="30"/>
      <c r="U33" s="30"/>
      <c r="V33" s="30"/>
      <c r="W33" s="30"/>
      <c r="X33" s="30"/>
      <c r="Y33" s="30"/>
      <c r="Z33" s="30"/>
      <c r="AA33" s="30"/>
      <c r="AB33" s="30"/>
      <c r="AC33" s="30"/>
      <c r="AD33" s="30"/>
      <c r="AE33" s="30"/>
      <c r="AF33" s="30"/>
      <c r="AG33" s="30"/>
      <c r="AH33" s="30"/>
      <c r="AI33" s="30"/>
      <c r="AJ33" s="30"/>
      <c r="AK33" s="30"/>
      <c r="AL33" s="30"/>
      <c r="AM33" s="30"/>
      <c r="AN33" s="30"/>
      <c r="AO33" s="30"/>
      <c r="AP33" s="30"/>
      <c r="AQ33" s="30"/>
      <c r="AR33" s="30"/>
      <c r="AS33" s="30"/>
      <c r="AT33" s="30"/>
      <c r="AU33" s="30"/>
      <c r="AV33" s="30"/>
      <c r="AW33" s="30"/>
      <c r="AX33" s="30"/>
      <c r="AY33" s="30"/>
      <c r="AZ33" s="30"/>
      <c r="BA33" s="30"/>
    </row>
    <row r="34" spans="1:53">
      <c r="A34" s="13" t="s">
        <v>131</v>
      </c>
    </row>
    <row r="35" spans="1:53" s="5" customFormat="1" ht="51.95" customHeight="1">
      <c r="A35" s="26" t="s">
        <v>132</v>
      </c>
      <c r="B35" s="27"/>
      <c r="C35" s="26" t="s">
        <v>82</v>
      </c>
      <c r="D35" s="28" t="s">
        <v>133</v>
      </c>
      <c r="E35" s="29"/>
      <c r="F35" s="30"/>
      <c r="G35" s="30"/>
      <c r="H35" s="30"/>
      <c r="I35" s="30"/>
      <c r="J35" s="30"/>
      <c r="K35" s="30"/>
      <c r="L35" s="30"/>
      <c r="M35" s="30"/>
      <c r="N35" s="30"/>
      <c r="O35" s="30"/>
      <c r="P35" s="30"/>
      <c r="Q35" s="30"/>
      <c r="R35" s="30"/>
      <c r="S35" s="30"/>
      <c r="T35" s="30"/>
      <c r="U35" s="30"/>
      <c r="V35" s="30"/>
      <c r="W35" s="30"/>
      <c r="X35" s="30"/>
      <c r="Y35" s="30"/>
      <c r="Z35" s="30"/>
      <c r="AA35" s="30"/>
      <c r="AB35" s="30"/>
      <c r="AC35" s="30"/>
      <c r="AD35" s="30"/>
      <c r="AE35" s="30"/>
      <c r="AF35" s="30"/>
      <c r="AG35" s="30"/>
      <c r="AH35" s="30"/>
      <c r="AI35" s="30"/>
      <c r="AJ35" s="30"/>
      <c r="AK35" s="30"/>
      <c r="AL35" s="30"/>
      <c r="AM35" s="30"/>
      <c r="AN35" s="30"/>
      <c r="AO35" s="30"/>
      <c r="AP35" s="30"/>
      <c r="AQ35" s="30"/>
      <c r="AR35" s="30"/>
      <c r="AS35" s="30"/>
      <c r="AT35" s="30"/>
      <c r="AU35" s="30"/>
      <c r="AV35" s="30"/>
      <c r="AW35" s="30"/>
      <c r="AX35" s="30"/>
      <c r="AY35" s="30"/>
      <c r="AZ35" s="30"/>
      <c r="BA35" s="30"/>
    </row>
    <row r="36" spans="1:53" s="5" customFormat="1" ht="51.95" customHeight="1">
      <c r="A36" s="26" t="s">
        <v>134</v>
      </c>
      <c r="B36" s="31"/>
      <c r="C36" s="26" t="s">
        <v>86</v>
      </c>
      <c r="D36" s="28" t="s">
        <v>135</v>
      </c>
      <c r="E36" s="30"/>
      <c r="F36" s="30"/>
      <c r="G36" s="30"/>
      <c r="H36" s="30"/>
      <c r="I36" s="30"/>
      <c r="J36" s="30"/>
      <c r="K36" s="30"/>
      <c r="L36" s="30"/>
      <c r="M36" s="30"/>
      <c r="N36" s="30"/>
      <c r="O36" s="30"/>
      <c r="P36" s="30"/>
      <c r="Q36" s="30"/>
      <c r="R36" s="30"/>
      <c r="S36" s="30"/>
      <c r="T36" s="30"/>
      <c r="U36" s="30"/>
      <c r="V36" s="30"/>
      <c r="W36" s="30"/>
      <c r="X36" s="30"/>
      <c r="Y36" s="30"/>
      <c r="Z36" s="30"/>
      <c r="AA36" s="30"/>
      <c r="AB36" s="30"/>
      <c r="AC36" s="30"/>
      <c r="AD36" s="30"/>
      <c r="AE36" s="30"/>
      <c r="AF36" s="30"/>
      <c r="AG36" s="30"/>
      <c r="AH36" s="30"/>
      <c r="AI36" s="30"/>
      <c r="AJ36" s="30"/>
      <c r="AK36" s="30"/>
      <c r="AL36" s="30"/>
      <c r="AM36" s="30"/>
      <c r="AN36" s="30"/>
      <c r="AO36" s="30"/>
      <c r="AP36" s="30"/>
      <c r="AQ36" s="30"/>
      <c r="AR36" s="30"/>
      <c r="AS36" s="30"/>
      <c r="AT36" s="30"/>
      <c r="AU36" s="30"/>
      <c r="AV36" s="30"/>
      <c r="AW36" s="30"/>
      <c r="AX36" s="30"/>
      <c r="AY36" s="30"/>
      <c r="AZ36" s="30"/>
      <c r="BA36" s="30"/>
    </row>
  </sheetData>
  <phoneticPr fontId="31" type="noConversion"/>
  <pageMargins left="0.69930555555555596" right="0.69930555555555596" top="0.75" bottom="0.75" header="0.3" footer="0.3"/>
  <pageSetup paperSize="9" orientation="portrait"/>
  <drawing r:id="rId1"/>
</worksheet>
</file>

<file path=xl/worksheets/sheet2.xml><?xml version="1.0" encoding="utf-8"?>
<worksheet xmlns="http://schemas.openxmlformats.org/spreadsheetml/2006/main" xmlns:r="http://schemas.openxmlformats.org/officeDocument/2006/relationships">
  <sheetPr>
    <pageSetUpPr fitToPage="1"/>
  </sheetPr>
  <dimension ref="A1:U38"/>
  <sheetViews>
    <sheetView showGridLines="0" tabSelected="1" zoomScaleNormal="100" workbookViewId="0">
      <pane xSplit="1" ySplit="3" topLeftCell="B4" activePane="bottomRight" state="frozen"/>
      <selection activeCell="B40" sqref="B40"/>
      <selection pane="topRight" activeCell="B40" sqref="B40"/>
      <selection pane="bottomLeft" activeCell="B40" sqref="B40"/>
      <selection pane="bottomRight" activeCell="X7" sqref="X7"/>
    </sheetView>
  </sheetViews>
  <sheetFormatPr defaultColWidth="9" defaultRowHeight="38.25" customHeight="1" outlineLevelCol="1"/>
  <cols>
    <col min="1" max="1" width="19.42578125" style="1" hidden="1" customWidth="1"/>
    <col min="2" max="2" width="26.42578125" style="1" customWidth="1"/>
    <col min="3" max="3" width="19.7109375" style="1" customWidth="1"/>
    <col min="4" max="4" width="49.42578125" style="45" customWidth="1" outlineLevel="1"/>
    <col min="5" max="5" width="11" style="1" customWidth="1"/>
    <col min="6" max="6" width="13.7109375" style="183" customWidth="1"/>
    <col min="7" max="7" width="1.7109375" style="103" customWidth="1"/>
    <col min="8" max="8" width="5.42578125" style="452" customWidth="1"/>
    <col min="9" max="9" width="11.42578125" style="44" customWidth="1"/>
    <col min="10" max="10" width="9" style="1" hidden="1" customWidth="1" outlineLevel="1"/>
    <col min="11" max="11" width="9" style="45" hidden="1" customWidth="1" outlineLevel="1"/>
    <col min="12" max="12" width="8.28515625" style="1" hidden="1" customWidth="1" outlineLevel="1"/>
    <col min="13" max="18" width="9" style="1" hidden="1" customWidth="1" outlineLevel="1"/>
    <col min="19" max="19" width="14.28515625" style="449" hidden="1" customWidth="1" outlineLevel="1"/>
    <col min="20" max="20" width="37.7109375" style="449" hidden="1" customWidth="1" outlineLevel="1"/>
    <col min="21" max="21" width="9" style="1" collapsed="1"/>
    <col min="22" max="16384" width="9" style="1"/>
  </cols>
  <sheetData>
    <row r="1" spans="1:20" s="34" customFormat="1" ht="11.45" customHeight="1">
      <c r="C1" s="159"/>
      <c r="D1" s="159"/>
      <c r="E1" s="59"/>
      <c r="F1" s="176"/>
      <c r="G1" s="103"/>
      <c r="H1" s="450"/>
      <c r="I1" s="369"/>
      <c r="K1" s="167"/>
      <c r="S1" s="446"/>
      <c r="T1" s="446"/>
    </row>
    <row r="2" spans="1:20" s="34" customFormat="1" ht="7.5" customHeight="1">
      <c r="A2" s="35"/>
      <c r="B2" s="35"/>
      <c r="C2" s="161"/>
      <c r="D2" s="161"/>
      <c r="E2" s="160"/>
      <c r="F2" s="176"/>
      <c r="G2" s="103"/>
      <c r="H2" s="451"/>
      <c r="I2" s="121" t="s">
        <v>517</v>
      </c>
      <c r="K2" s="167"/>
      <c r="S2" s="446"/>
      <c r="T2" s="446"/>
    </row>
    <row r="3" spans="1:20" s="44" customFormat="1" ht="26.25" customHeight="1">
      <c r="A3" s="156" t="s">
        <v>1907</v>
      </c>
      <c r="B3" s="156" t="s">
        <v>0</v>
      </c>
      <c r="C3" s="156" t="s">
        <v>1</v>
      </c>
      <c r="D3" s="156" t="s">
        <v>2</v>
      </c>
      <c r="E3" s="157" t="s">
        <v>354</v>
      </c>
      <c r="F3" s="177" t="s">
        <v>136</v>
      </c>
      <c r="G3" s="158"/>
      <c r="H3" s="168" t="s">
        <v>1919</v>
      </c>
      <c r="I3" s="169" t="s">
        <v>470</v>
      </c>
      <c r="J3" s="169" t="s">
        <v>471</v>
      </c>
      <c r="K3" s="170" t="s">
        <v>472</v>
      </c>
      <c r="L3" s="170" t="s">
        <v>473</v>
      </c>
      <c r="M3" s="170" t="s">
        <v>474</v>
      </c>
      <c r="N3" s="170" t="s">
        <v>475</v>
      </c>
      <c r="O3" s="170" t="s">
        <v>1573</v>
      </c>
      <c r="P3" s="169" t="s">
        <v>1574</v>
      </c>
      <c r="Q3" s="171" t="s">
        <v>476</v>
      </c>
      <c r="R3" s="171" t="s">
        <v>477</v>
      </c>
      <c r="S3" s="447" t="s">
        <v>478</v>
      </c>
      <c r="T3" s="448" t="s">
        <v>479</v>
      </c>
    </row>
    <row r="4" spans="1:20" ht="18.75">
      <c r="A4" s="129" t="s">
        <v>304</v>
      </c>
      <c r="B4" s="129" t="s">
        <v>304</v>
      </c>
      <c r="C4" s="130"/>
      <c r="D4" s="130"/>
      <c r="E4" s="130"/>
      <c r="F4" s="178"/>
      <c r="G4" s="105"/>
    </row>
    <row r="5" spans="1:20" ht="19.7" customHeight="1">
      <c r="A5" s="61" t="s">
        <v>227</v>
      </c>
      <c r="B5" s="61" t="s">
        <v>227</v>
      </c>
      <c r="C5" s="47"/>
      <c r="D5" s="47"/>
      <c r="E5" s="47"/>
      <c r="F5" s="47"/>
    </row>
    <row r="6" spans="1:20" s="33" customFormat="1" ht="38.25" customHeight="1">
      <c r="A6" s="149" t="s">
        <v>1936</v>
      </c>
      <c r="B6" s="106" t="s">
        <v>1938</v>
      </c>
      <c r="C6" s="416"/>
      <c r="D6" s="630" t="s">
        <v>2151</v>
      </c>
      <c r="E6" s="100">
        <v>7700</v>
      </c>
      <c r="F6" s="426" t="s">
        <v>1491</v>
      </c>
      <c r="G6" s="520"/>
      <c r="H6" s="521" t="s">
        <v>1920</v>
      </c>
      <c r="I6" s="522" t="s">
        <v>86</v>
      </c>
      <c r="J6" s="523" t="s">
        <v>480</v>
      </c>
      <c r="K6" s="524" t="s">
        <v>488</v>
      </c>
      <c r="L6" s="522" t="s">
        <v>482</v>
      </c>
      <c r="M6" s="522" t="s">
        <v>482</v>
      </c>
      <c r="N6" s="522" t="s">
        <v>482</v>
      </c>
      <c r="O6" s="522" t="s">
        <v>482</v>
      </c>
      <c r="P6" s="522" t="s">
        <v>483</v>
      </c>
      <c r="Q6" s="522" t="s">
        <v>483</v>
      </c>
      <c r="R6" s="522" t="s">
        <v>483</v>
      </c>
      <c r="S6" s="525" t="s">
        <v>657</v>
      </c>
      <c r="T6" s="526" t="s">
        <v>1966</v>
      </c>
    </row>
    <row r="7" spans="1:20" s="33" customFormat="1" ht="38.25" customHeight="1">
      <c r="A7" s="149" t="s">
        <v>1937</v>
      </c>
      <c r="B7" s="106" t="s">
        <v>1939</v>
      </c>
      <c r="C7" s="417"/>
      <c r="D7" s="631"/>
      <c r="E7" s="100">
        <v>7700</v>
      </c>
      <c r="F7" s="426" t="s">
        <v>1491</v>
      </c>
      <c r="G7" s="520"/>
      <c r="H7" s="521" t="s">
        <v>1920</v>
      </c>
      <c r="I7" s="522" t="s">
        <v>86</v>
      </c>
      <c r="J7" s="523" t="s">
        <v>480</v>
      </c>
      <c r="K7" s="524" t="s">
        <v>481</v>
      </c>
      <c r="L7" s="522" t="s">
        <v>482</v>
      </c>
      <c r="M7" s="522" t="s">
        <v>482</v>
      </c>
      <c r="N7" s="522" t="s">
        <v>482</v>
      </c>
      <c r="O7" s="522" t="s">
        <v>482</v>
      </c>
      <c r="P7" s="522" t="s">
        <v>483</v>
      </c>
      <c r="Q7" s="522" t="s">
        <v>483</v>
      </c>
      <c r="R7" s="522" t="s">
        <v>483</v>
      </c>
      <c r="S7" s="525" t="s">
        <v>657</v>
      </c>
      <c r="T7" s="526" t="s">
        <v>1966</v>
      </c>
    </row>
    <row r="8" spans="1:20" s="33" customFormat="1" ht="38.25" customHeight="1">
      <c r="A8" s="149" t="s">
        <v>2235</v>
      </c>
      <c r="B8" s="149" t="s">
        <v>2233</v>
      </c>
      <c r="C8" s="414"/>
      <c r="D8" s="636" t="s">
        <v>2239</v>
      </c>
      <c r="E8" s="100">
        <v>8200</v>
      </c>
      <c r="F8" s="426" t="s">
        <v>1491</v>
      </c>
      <c r="G8" s="520"/>
      <c r="H8" s="521" t="s">
        <v>1920</v>
      </c>
      <c r="I8" s="522" t="s">
        <v>1572</v>
      </c>
      <c r="J8" s="523" t="s">
        <v>480</v>
      </c>
      <c r="K8" s="524" t="s">
        <v>488</v>
      </c>
      <c r="L8" s="522"/>
      <c r="M8" s="522"/>
      <c r="N8" s="522"/>
      <c r="O8" s="522"/>
      <c r="P8" s="522"/>
      <c r="Q8" s="522"/>
      <c r="R8" s="522"/>
      <c r="S8" s="525"/>
      <c r="T8" s="526"/>
    </row>
    <row r="9" spans="1:20" s="33" customFormat="1" ht="41.45" customHeight="1">
      <c r="A9" s="149" t="s">
        <v>2236</v>
      </c>
      <c r="B9" s="149" t="s">
        <v>2234</v>
      </c>
      <c r="C9" s="415"/>
      <c r="D9" s="636"/>
      <c r="E9" s="100">
        <v>8200</v>
      </c>
      <c r="F9" s="426" t="s">
        <v>1491</v>
      </c>
      <c r="G9" s="520"/>
      <c r="H9" s="521" t="s">
        <v>1920</v>
      </c>
      <c r="I9" s="522" t="s">
        <v>1572</v>
      </c>
      <c r="J9" s="523" t="s">
        <v>480</v>
      </c>
      <c r="K9" s="524" t="s">
        <v>481</v>
      </c>
      <c r="L9" s="522"/>
      <c r="M9" s="522"/>
      <c r="N9" s="522"/>
      <c r="O9" s="522"/>
      <c r="P9" s="522"/>
      <c r="Q9" s="522"/>
      <c r="R9" s="522"/>
      <c r="S9" s="525"/>
      <c r="T9" s="526"/>
    </row>
    <row r="10" spans="1:20" s="33" customFormat="1" ht="38.25" customHeight="1">
      <c r="A10" s="149" t="s">
        <v>2140</v>
      </c>
      <c r="B10" s="106" t="s">
        <v>2142</v>
      </c>
      <c r="C10" s="203" t="s">
        <v>649</v>
      </c>
      <c r="D10" s="630" t="s">
        <v>2152</v>
      </c>
      <c r="E10" s="100">
        <v>10100</v>
      </c>
      <c r="F10" s="426" t="s">
        <v>1491</v>
      </c>
      <c r="G10" s="520"/>
      <c r="H10" s="521" t="s">
        <v>1920</v>
      </c>
      <c r="I10" s="522" t="s">
        <v>484</v>
      </c>
      <c r="J10" s="523" t="s">
        <v>480</v>
      </c>
      <c r="K10" s="524" t="s">
        <v>488</v>
      </c>
      <c r="L10" s="522" t="s">
        <v>482</v>
      </c>
      <c r="M10" s="522" t="s">
        <v>482</v>
      </c>
      <c r="N10" s="522" t="s">
        <v>483</v>
      </c>
      <c r="O10" s="522" t="s">
        <v>482</v>
      </c>
      <c r="P10" s="522" t="s">
        <v>483</v>
      </c>
      <c r="Q10" s="522" t="s">
        <v>483</v>
      </c>
      <c r="R10" s="522" t="s">
        <v>483</v>
      </c>
      <c r="S10" s="525" t="s">
        <v>1967</v>
      </c>
      <c r="T10" s="526" t="s">
        <v>2148</v>
      </c>
    </row>
    <row r="11" spans="1:20" s="33" customFormat="1" ht="38.25" customHeight="1">
      <c r="A11" s="149" t="s">
        <v>2141</v>
      </c>
      <c r="B11" s="106" t="s">
        <v>2143</v>
      </c>
      <c r="C11" s="417"/>
      <c r="D11" s="631"/>
      <c r="E11" s="100">
        <v>10100</v>
      </c>
      <c r="F11" s="426" t="s">
        <v>1491</v>
      </c>
      <c r="G11" s="520"/>
      <c r="H11" s="521" t="s">
        <v>1920</v>
      </c>
      <c r="I11" s="522" t="s">
        <v>484</v>
      </c>
      <c r="J11" s="523" t="s">
        <v>480</v>
      </c>
      <c r="K11" s="524" t="s">
        <v>481</v>
      </c>
      <c r="L11" s="522" t="s">
        <v>482</v>
      </c>
      <c r="M11" s="522" t="s">
        <v>482</v>
      </c>
      <c r="N11" s="522" t="s">
        <v>483</v>
      </c>
      <c r="O11" s="522" t="s">
        <v>482</v>
      </c>
      <c r="P11" s="522" t="s">
        <v>483</v>
      </c>
      <c r="Q11" s="522" t="s">
        <v>483</v>
      </c>
      <c r="R11" s="522" t="s">
        <v>483</v>
      </c>
      <c r="S11" s="525" t="s">
        <v>1967</v>
      </c>
      <c r="T11" s="526" t="s">
        <v>2148</v>
      </c>
    </row>
    <row r="12" spans="1:20" s="33" customFormat="1" ht="38.25" customHeight="1">
      <c r="A12" s="149" t="s">
        <v>654</v>
      </c>
      <c r="B12" s="371" t="s">
        <v>1507</v>
      </c>
      <c r="C12" s="54"/>
      <c r="D12" s="632" t="s">
        <v>729</v>
      </c>
      <c r="E12" s="100">
        <v>15400</v>
      </c>
      <c r="F12" s="360"/>
      <c r="G12" s="520"/>
      <c r="H12" s="521" t="s">
        <v>1920</v>
      </c>
      <c r="I12" s="522" t="s">
        <v>656</v>
      </c>
      <c r="J12" s="523" t="s">
        <v>480</v>
      </c>
      <c r="K12" s="524" t="s">
        <v>488</v>
      </c>
      <c r="L12" s="522" t="s">
        <v>482</v>
      </c>
      <c r="M12" s="522" t="s">
        <v>483</v>
      </c>
      <c r="N12" s="522" t="s">
        <v>483</v>
      </c>
      <c r="O12" s="522" t="s">
        <v>483</v>
      </c>
      <c r="P12" s="522" t="s">
        <v>483</v>
      </c>
      <c r="Q12" s="522" t="s">
        <v>483</v>
      </c>
      <c r="R12" s="522" t="s">
        <v>482</v>
      </c>
      <c r="S12" s="527" t="s">
        <v>657</v>
      </c>
      <c r="T12" s="528"/>
    </row>
    <row r="13" spans="1:20" s="33" customFormat="1" ht="38.25" customHeight="1">
      <c r="A13" s="149" t="s">
        <v>655</v>
      </c>
      <c r="B13" s="371" t="s">
        <v>1508</v>
      </c>
      <c r="C13" s="142"/>
      <c r="D13" s="633"/>
      <c r="E13" s="100">
        <v>15400</v>
      </c>
      <c r="F13" s="360"/>
      <c r="G13" s="520"/>
      <c r="H13" s="521" t="s">
        <v>1920</v>
      </c>
      <c r="I13" s="522" t="s">
        <v>656</v>
      </c>
      <c r="J13" s="523" t="s">
        <v>480</v>
      </c>
      <c r="K13" s="524" t="s">
        <v>481</v>
      </c>
      <c r="L13" s="522" t="s">
        <v>482</v>
      </c>
      <c r="M13" s="522" t="s">
        <v>483</v>
      </c>
      <c r="N13" s="522" t="s">
        <v>483</v>
      </c>
      <c r="O13" s="522" t="s">
        <v>483</v>
      </c>
      <c r="P13" s="522" t="s">
        <v>483</v>
      </c>
      <c r="Q13" s="522" t="s">
        <v>483</v>
      </c>
      <c r="R13" s="522" t="s">
        <v>482</v>
      </c>
      <c r="S13" s="527" t="s">
        <v>657</v>
      </c>
      <c r="T13" s="528"/>
    </row>
    <row r="14" spans="1:20" ht="19.7" customHeight="1">
      <c r="A14" s="61" t="s">
        <v>228</v>
      </c>
      <c r="B14" s="61" t="s">
        <v>228</v>
      </c>
      <c r="C14" s="47"/>
      <c r="D14" s="135"/>
      <c r="E14" s="47"/>
      <c r="F14" s="47"/>
      <c r="G14" s="520"/>
      <c r="H14" s="521"/>
      <c r="I14" s="522" t="s">
        <v>348</v>
      </c>
      <c r="J14" s="523" t="s">
        <v>348</v>
      </c>
      <c r="K14" s="524"/>
      <c r="L14" s="522"/>
      <c r="M14" s="522"/>
      <c r="N14" s="522"/>
      <c r="O14" s="522"/>
      <c r="P14" s="522"/>
      <c r="Q14" s="522"/>
      <c r="R14" s="522"/>
      <c r="S14" s="527"/>
      <c r="T14" s="528"/>
    </row>
    <row r="15" spans="1:20" s="33" customFormat="1" ht="38.25" customHeight="1">
      <c r="A15" s="106" t="s">
        <v>2013</v>
      </c>
      <c r="B15" s="207" t="s">
        <v>2015</v>
      </c>
      <c r="C15" s="203"/>
      <c r="D15" s="630" t="s">
        <v>2153</v>
      </c>
      <c r="E15" s="100">
        <v>7700</v>
      </c>
      <c r="F15" s="426" t="s">
        <v>1491</v>
      </c>
      <c r="G15" s="520"/>
      <c r="H15" s="521" t="s">
        <v>649</v>
      </c>
      <c r="I15" s="522" t="s">
        <v>86</v>
      </c>
      <c r="J15" s="523" t="s">
        <v>480</v>
      </c>
      <c r="K15" s="524" t="s">
        <v>488</v>
      </c>
      <c r="L15" s="522" t="s">
        <v>482</v>
      </c>
      <c r="M15" s="522" t="s">
        <v>482</v>
      </c>
      <c r="N15" s="522" t="s">
        <v>482</v>
      </c>
      <c r="O15" s="522" t="s">
        <v>483</v>
      </c>
      <c r="P15" s="522" t="s">
        <v>483</v>
      </c>
      <c r="Q15" s="522" t="s">
        <v>483</v>
      </c>
      <c r="R15" s="522" t="s">
        <v>483</v>
      </c>
      <c r="S15" s="526" t="s">
        <v>2150</v>
      </c>
      <c r="T15" s="528" t="s">
        <v>1966</v>
      </c>
    </row>
    <row r="16" spans="1:20" s="33" customFormat="1" ht="38.25" customHeight="1">
      <c r="A16" s="106" t="s">
        <v>2014</v>
      </c>
      <c r="B16" s="207" t="s">
        <v>2016</v>
      </c>
      <c r="C16" s="56"/>
      <c r="D16" s="631"/>
      <c r="E16" s="100">
        <v>7700</v>
      </c>
      <c r="F16" s="426" t="s">
        <v>1491</v>
      </c>
      <c r="G16" s="520"/>
      <c r="H16" s="521" t="s">
        <v>649</v>
      </c>
      <c r="I16" s="522" t="s">
        <v>86</v>
      </c>
      <c r="J16" s="523" t="s">
        <v>480</v>
      </c>
      <c r="K16" s="524" t="s">
        <v>481</v>
      </c>
      <c r="L16" s="522" t="s">
        <v>482</v>
      </c>
      <c r="M16" s="522" t="s">
        <v>482</v>
      </c>
      <c r="N16" s="522" t="s">
        <v>482</v>
      </c>
      <c r="O16" s="522" t="s">
        <v>483</v>
      </c>
      <c r="P16" s="522" t="s">
        <v>483</v>
      </c>
      <c r="Q16" s="522" t="s">
        <v>483</v>
      </c>
      <c r="R16" s="522" t="s">
        <v>483</v>
      </c>
      <c r="S16" s="526" t="s">
        <v>2150</v>
      </c>
      <c r="T16" s="528" t="s">
        <v>1966</v>
      </c>
    </row>
    <row r="17" spans="1:20" s="33" customFormat="1" ht="38.25" customHeight="1">
      <c r="A17" s="106" t="s">
        <v>2157</v>
      </c>
      <c r="B17" s="106" t="s">
        <v>2158</v>
      </c>
      <c r="C17" s="411"/>
      <c r="D17" s="634" t="s">
        <v>2238</v>
      </c>
      <c r="E17" s="100">
        <v>8200</v>
      </c>
      <c r="F17" s="426" t="s">
        <v>1491</v>
      </c>
      <c r="G17" s="520"/>
      <c r="H17" s="521" t="s">
        <v>1920</v>
      </c>
      <c r="I17" s="522" t="s">
        <v>1572</v>
      </c>
      <c r="J17" s="523" t="s">
        <v>480</v>
      </c>
      <c r="K17" s="524" t="s">
        <v>488</v>
      </c>
      <c r="L17" s="522"/>
      <c r="M17" s="522"/>
      <c r="N17" s="522"/>
      <c r="O17" s="522"/>
      <c r="P17" s="522"/>
      <c r="Q17" s="522"/>
      <c r="R17" s="522"/>
      <c r="S17" s="526"/>
      <c r="T17" s="528"/>
    </row>
    <row r="18" spans="1:20" s="33" customFormat="1" ht="41.45" customHeight="1">
      <c r="A18" s="106" t="s">
        <v>1954</v>
      </c>
      <c r="B18" s="106" t="s">
        <v>1955</v>
      </c>
      <c r="C18" s="209"/>
      <c r="D18" s="635"/>
      <c r="E18" s="100">
        <v>8200</v>
      </c>
      <c r="F18" s="426" t="s">
        <v>1491</v>
      </c>
      <c r="G18" s="520"/>
      <c r="H18" s="521" t="s">
        <v>1920</v>
      </c>
      <c r="I18" s="522" t="s">
        <v>1572</v>
      </c>
      <c r="J18" s="523" t="s">
        <v>480</v>
      </c>
      <c r="K18" s="524" t="s">
        <v>481</v>
      </c>
      <c r="L18" s="522"/>
      <c r="M18" s="522"/>
      <c r="N18" s="522"/>
      <c r="O18" s="522"/>
      <c r="P18" s="522"/>
      <c r="Q18" s="522"/>
      <c r="R18" s="522"/>
      <c r="S18" s="526"/>
      <c r="T18" s="528"/>
    </row>
    <row r="19" spans="1:20" s="33" customFormat="1" ht="38.25" customHeight="1">
      <c r="A19" s="106" t="s">
        <v>1931</v>
      </c>
      <c r="B19" s="207" t="s">
        <v>1953</v>
      </c>
      <c r="C19" s="203" t="s">
        <v>649</v>
      </c>
      <c r="D19" s="634" t="s">
        <v>2154</v>
      </c>
      <c r="E19" s="100">
        <v>9600</v>
      </c>
      <c r="F19" s="426" t="s">
        <v>1491</v>
      </c>
      <c r="G19" s="520"/>
      <c r="H19" s="521" t="s">
        <v>1920</v>
      </c>
      <c r="I19" s="529" t="s">
        <v>484</v>
      </c>
      <c r="J19" s="529" t="s">
        <v>480</v>
      </c>
      <c r="K19" s="530" t="s">
        <v>488</v>
      </c>
      <c r="L19" s="529" t="s">
        <v>482</v>
      </c>
      <c r="M19" s="529" t="s">
        <v>482</v>
      </c>
      <c r="N19" s="529" t="s">
        <v>483</v>
      </c>
      <c r="O19" s="529" t="s">
        <v>483</v>
      </c>
      <c r="P19" s="529" t="s">
        <v>483</v>
      </c>
      <c r="Q19" s="529" t="s">
        <v>483</v>
      </c>
      <c r="R19" s="529" t="s">
        <v>483</v>
      </c>
      <c r="S19" s="531" t="s">
        <v>2149</v>
      </c>
      <c r="T19" s="532" t="s">
        <v>2148</v>
      </c>
    </row>
    <row r="20" spans="1:20" s="33" customFormat="1" ht="38.25" customHeight="1">
      <c r="A20" s="106" t="s">
        <v>1932</v>
      </c>
      <c r="B20" s="207" t="s">
        <v>1952</v>
      </c>
      <c r="C20" s="209"/>
      <c r="D20" s="635"/>
      <c r="E20" s="100">
        <v>9600</v>
      </c>
      <c r="F20" s="426" t="s">
        <v>1491</v>
      </c>
      <c r="G20" s="520"/>
      <c r="H20" s="521" t="s">
        <v>1920</v>
      </c>
      <c r="I20" s="529" t="s">
        <v>484</v>
      </c>
      <c r="J20" s="529" t="s">
        <v>480</v>
      </c>
      <c r="K20" s="530" t="s">
        <v>481</v>
      </c>
      <c r="L20" s="529" t="s">
        <v>482</v>
      </c>
      <c r="M20" s="529" t="s">
        <v>482</v>
      </c>
      <c r="N20" s="529" t="s">
        <v>483</v>
      </c>
      <c r="O20" s="529" t="s">
        <v>483</v>
      </c>
      <c r="P20" s="529" t="s">
        <v>483</v>
      </c>
      <c r="Q20" s="529" t="s">
        <v>483</v>
      </c>
      <c r="R20" s="529" t="s">
        <v>483</v>
      </c>
      <c r="S20" s="531" t="s">
        <v>2149</v>
      </c>
      <c r="T20" s="532" t="s">
        <v>2148</v>
      </c>
    </row>
    <row r="21" spans="1:20" s="33" customFormat="1" ht="38.25" customHeight="1">
      <c r="A21" s="106" t="s">
        <v>658</v>
      </c>
      <c r="B21" s="371" t="s">
        <v>1517</v>
      </c>
      <c r="C21" s="54"/>
      <c r="D21" s="632" t="s">
        <v>730</v>
      </c>
      <c r="E21" s="100">
        <v>15600</v>
      </c>
      <c r="F21" s="360"/>
      <c r="G21" s="520"/>
      <c r="H21" s="521" t="s">
        <v>1920</v>
      </c>
      <c r="I21" s="522" t="s">
        <v>656</v>
      </c>
      <c r="J21" s="523" t="s">
        <v>480</v>
      </c>
      <c r="K21" s="524" t="s">
        <v>488</v>
      </c>
      <c r="L21" s="522" t="s">
        <v>482</v>
      </c>
      <c r="M21" s="522" t="s">
        <v>483</v>
      </c>
      <c r="N21" s="522" t="s">
        <v>483</v>
      </c>
      <c r="O21" s="522" t="s">
        <v>483</v>
      </c>
      <c r="P21" s="522" t="s">
        <v>483</v>
      </c>
      <c r="Q21" s="522" t="s">
        <v>483</v>
      </c>
      <c r="R21" s="522" t="s">
        <v>483</v>
      </c>
      <c r="S21" s="527" t="s">
        <v>2159</v>
      </c>
      <c r="T21" s="528" t="s">
        <v>2160</v>
      </c>
    </row>
    <row r="22" spans="1:20" s="33" customFormat="1" ht="38.25" customHeight="1">
      <c r="A22" s="106" t="s">
        <v>659</v>
      </c>
      <c r="B22" s="371" t="s">
        <v>1518</v>
      </c>
      <c r="C22" s="142"/>
      <c r="D22" s="633"/>
      <c r="E22" s="100">
        <v>15600</v>
      </c>
      <c r="F22" s="360"/>
      <c r="G22" s="520"/>
      <c r="H22" s="521" t="s">
        <v>1920</v>
      </c>
      <c r="I22" s="522" t="s">
        <v>656</v>
      </c>
      <c r="J22" s="523" t="s">
        <v>480</v>
      </c>
      <c r="K22" s="524" t="s">
        <v>481</v>
      </c>
      <c r="L22" s="522" t="s">
        <v>482</v>
      </c>
      <c r="M22" s="522" t="s">
        <v>483</v>
      </c>
      <c r="N22" s="522" t="s">
        <v>483</v>
      </c>
      <c r="O22" s="522" t="s">
        <v>483</v>
      </c>
      <c r="P22" s="522" t="s">
        <v>483</v>
      </c>
      <c r="Q22" s="522" t="s">
        <v>483</v>
      </c>
      <c r="R22" s="522" t="s">
        <v>483</v>
      </c>
      <c r="S22" s="527" t="s">
        <v>2159</v>
      </c>
      <c r="T22" s="528" t="s">
        <v>2160</v>
      </c>
    </row>
    <row r="23" spans="1:20" s="33" customFormat="1" ht="38.25" customHeight="1">
      <c r="A23" s="149" t="s">
        <v>1962</v>
      </c>
      <c r="B23" s="207" t="s">
        <v>1964</v>
      </c>
      <c r="C23" s="203"/>
      <c r="D23" s="630" t="s">
        <v>2155</v>
      </c>
      <c r="E23" s="100">
        <v>7500</v>
      </c>
      <c r="F23" s="426" t="s">
        <v>1491</v>
      </c>
      <c r="G23" s="520"/>
      <c r="H23" s="521" t="s">
        <v>649</v>
      </c>
      <c r="I23" s="522" t="s">
        <v>86</v>
      </c>
      <c r="J23" s="523" t="s">
        <v>480</v>
      </c>
      <c r="K23" s="524" t="s">
        <v>488</v>
      </c>
      <c r="L23" s="522" t="s">
        <v>482</v>
      </c>
      <c r="M23" s="522" t="s">
        <v>482</v>
      </c>
      <c r="N23" s="522" t="s">
        <v>482</v>
      </c>
      <c r="O23" s="522" t="s">
        <v>482</v>
      </c>
      <c r="P23" s="522" t="s">
        <v>483</v>
      </c>
      <c r="Q23" s="522" t="s">
        <v>483</v>
      </c>
      <c r="R23" s="522" t="s">
        <v>483</v>
      </c>
      <c r="S23" s="527" t="s">
        <v>657</v>
      </c>
      <c r="T23" s="528" t="s">
        <v>1966</v>
      </c>
    </row>
    <row r="24" spans="1:20" s="33" customFormat="1" ht="38.25" customHeight="1">
      <c r="A24" s="149" t="s">
        <v>1963</v>
      </c>
      <c r="B24" s="207" t="s">
        <v>1965</v>
      </c>
      <c r="C24" s="152"/>
      <c r="D24" s="631"/>
      <c r="E24" s="100">
        <v>7500</v>
      </c>
      <c r="F24" s="426" t="s">
        <v>1491</v>
      </c>
      <c r="G24" s="520"/>
      <c r="H24" s="521" t="s">
        <v>649</v>
      </c>
      <c r="I24" s="522" t="s">
        <v>86</v>
      </c>
      <c r="J24" s="523" t="s">
        <v>480</v>
      </c>
      <c r="K24" s="524" t="s">
        <v>481</v>
      </c>
      <c r="L24" s="522" t="s">
        <v>482</v>
      </c>
      <c r="M24" s="522" t="s">
        <v>482</v>
      </c>
      <c r="N24" s="522" t="s">
        <v>482</v>
      </c>
      <c r="O24" s="522" t="s">
        <v>482</v>
      </c>
      <c r="P24" s="522" t="s">
        <v>483</v>
      </c>
      <c r="Q24" s="522" t="s">
        <v>483</v>
      </c>
      <c r="R24" s="522" t="s">
        <v>483</v>
      </c>
      <c r="S24" s="527" t="s">
        <v>657</v>
      </c>
      <c r="T24" s="528" t="s">
        <v>1966</v>
      </c>
    </row>
    <row r="25" spans="1:20" s="33" customFormat="1" ht="38.25" customHeight="1">
      <c r="A25" s="149" t="s">
        <v>1948</v>
      </c>
      <c r="B25" s="106" t="s">
        <v>1949</v>
      </c>
      <c r="C25" s="203"/>
      <c r="D25" s="630" t="s">
        <v>2240</v>
      </c>
      <c r="E25" s="100">
        <v>7900</v>
      </c>
      <c r="F25" s="426" t="s">
        <v>1491</v>
      </c>
      <c r="G25" s="520"/>
      <c r="H25" s="521" t="s">
        <v>649</v>
      </c>
      <c r="I25" s="522" t="s">
        <v>1572</v>
      </c>
      <c r="J25" s="523" t="s">
        <v>480</v>
      </c>
      <c r="K25" s="524" t="s">
        <v>488</v>
      </c>
      <c r="L25" s="522"/>
      <c r="M25" s="522"/>
      <c r="N25" s="522"/>
      <c r="O25" s="522"/>
      <c r="P25" s="522"/>
      <c r="Q25" s="522"/>
      <c r="R25" s="522"/>
      <c r="S25" s="526"/>
      <c r="T25" s="528"/>
    </row>
    <row r="26" spans="1:20" s="33" customFormat="1" ht="38.25" customHeight="1">
      <c r="A26" s="149" t="s">
        <v>1950</v>
      </c>
      <c r="B26" s="106" t="s">
        <v>1951</v>
      </c>
      <c r="C26" s="152"/>
      <c r="D26" s="631"/>
      <c r="E26" s="100">
        <v>7900</v>
      </c>
      <c r="F26" s="426" t="s">
        <v>180</v>
      </c>
      <c r="G26" s="520"/>
      <c r="H26" s="521" t="s">
        <v>649</v>
      </c>
      <c r="I26" s="522" t="s">
        <v>1572</v>
      </c>
      <c r="J26" s="523" t="s">
        <v>480</v>
      </c>
      <c r="K26" s="524" t="s">
        <v>481</v>
      </c>
      <c r="L26" s="522"/>
      <c r="M26" s="522"/>
      <c r="N26" s="522"/>
      <c r="O26" s="522"/>
      <c r="P26" s="522"/>
      <c r="Q26" s="522"/>
      <c r="R26" s="522"/>
      <c r="S26" s="526"/>
      <c r="T26" s="528"/>
    </row>
    <row r="27" spans="1:20" s="33" customFormat="1" ht="38.25" customHeight="1">
      <c r="A27" s="106" t="s">
        <v>1933</v>
      </c>
      <c r="B27" s="174" t="s">
        <v>1944</v>
      </c>
      <c r="C27" s="203" t="s">
        <v>649</v>
      </c>
      <c r="D27" s="637" t="s">
        <v>2156</v>
      </c>
      <c r="E27" s="100">
        <v>9100</v>
      </c>
      <c r="F27" s="426" t="s">
        <v>1491</v>
      </c>
      <c r="G27" s="520"/>
      <c r="H27" s="521"/>
      <c r="I27" s="522" t="s">
        <v>484</v>
      </c>
      <c r="J27" s="523" t="s">
        <v>480</v>
      </c>
      <c r="K27" s="524" t="s">
        <v>488</v>
      </c>
      <c r="L27" s="522" t="s">
        <v>482</v>
      </c>
      <c r="M27" s="522" t="s">
        <v>482</v>
      </c>
      <c r="N27" s="522" t="s">
        <v>483</v>
      </c>
      <c r="O27" s="522" t="s">
        <v>482</v>
      </c>
      <c r="P27" s="522" t="s">
        <v>483</v>
      </c>
      <c r="Q27" s="522" t="s">
        <v>483</v>
      </c>
      <c r="R27" s="522" t="s">
        <v>483</v>
      </c>
      <c r="S27" s="527" t="s">
        <v>1967</v>
      </c>
      <c r="T27" s="528" t="s">
        <v>2148</v>
      </c>
    </row>
    <row r="28" spans="1:20" s="33" customFormat="1" ht="38.25" customHeight="1">
      <c r="A28" s="106" t="s">
        <v>1934</v>
      </c>
      <c r="B28" s="174" t="s">
        <v>1945</v>
      </c>
      <c r="C28" s="209"/>
      <c r="D28" s="633"/>
      <c r="E28" s="100">
        <v>9100</v>
      </c>
      <c r="F28" s="426" t="s">
        <v>1491</v>
      </c>
      <c r="G28" s="520"/>
      <c r="H28" s="521"/>
      <c r="I28" s="522" t="s">
        <v>484</v>
      </c>
      <c r="J28" s="523" t="s">
        <v>480</v>
      </c>
      <c r="K28" s="524" t="s">
        <v>481</v>
      </c>
      <c r="L28" s="522" t="s">
        <v>482</v>
      </c>
      <c r="M28" s="522" t="s">
        <v>482</v>
      </c>
      <c r="N28" s="522" t="s">
        <v>483</v>
      </c>
      <c r="O28" s="522" t="s">
        <v>482</v>
      </c>
      <c r="P28" s="522" t="s">
        <v>483</v>
      </c>
      <c r="Q28" s="522" t="s">
        <v>483</v>
      </c>
      <c r="R28" s="522" t="s">
        <v>483</v>
      </c>
      <c r="S28" s="527" t="s">
        <v>1967</v>
      </c>
      <c r="T28" s="528" t="s">
        <v>2148</v>
      </c>
    </row>
    <row r="29" spans="1:20" s="33" customFormat="1" ht="38.25" customHeight="1">
      <c r="A29" s="149" t="s">
        <v>732</v>
      </c>
      <c r="B29" s="371" t="s">
        <v>1527</v>
      </c>
      <c r="C29" s="54"/>
      <c r="D29" s="632" t="s">
        <v>731</v>
      </c>
      <c r="E29" s="100">
        <v>15400</v>
      </c>
      <c r="F29" s="360"/>
      <c r="G29" s="520"/>
      <c r="H29" s="521" t="s">
        <v>1920</v>
      </c>
      <c r="I29" s="522" t="s">
        <v>656</v>
      </c>
      <c r="J29" s="523" t="s">
        <v>480</v>
      </c>
      <c r="K29" s="524" t="s">
        <v>488</v>
      </c>
      <c r="L29" s="522" t="s">
        <v>482</v>
      </c>
      <c r="M29" s="522" t="s">
        <v>483</v>
      </c>
      <c r="N29" s="522" t="s">
        <v>483</v>
      </c>
      <c r="O29" s="522" t="s">
        <v>483</v>
      </c>
      <c r="P29" s="522" t="s">
        <v>483</v>
      </c>
      <c r="Q29" s="522" t="s">
        <v>483</v>
      </c>
      <c r="R29" s="522" t="s">
        <v>482</v>
      </c>
      <c r="S29" s="527" t="s">
        <v>657</v>
      </c>
      <c r="T29" s="528"/>
    </row>
    <row r="30" spans="1:20" s="33" customFormat="1" ht="38.25" customHeight="1">
      <c r="A30" s="149" t="s">
        <v>733</v>
      </c>
      <c r="B30" s="371" t="s">
        <v>1528</v>
      </c>
      <c r="C30" s="142"/>
      <c r="D30" s="633"/>
      <c r="E30" s="100">
        <v>15400</v>
      </c>
      <c r="F30" s="360"/>
      <c r="G30" s="520"/>
      <c r="H30" s="521" t="s">
        <v>1920</v>
      </c>
      <c r="I30" s="522" t="s">
        <v>656</v>
      </c>
      <c r="J30" s="523" t="s">
        <v>480</v>
      </c>
      <c r="K30" s="524" t="s">
        <v>481</v>
      </c>
      <c r="L30" s="522" t="s">
        <v>482</v>
      </c>
      <c r="M30" s="522" t="s">
        <v>483</v>
      </c>
      <c r="N30" s="522" t="s">
        <v>483</v>
      </c>
      <c r="O30" s="522" t="s">
        <v>483</v>
      </c>
      <c r="P30" s="522" t="s">
        <v>483</v>
      </c>
      <c r="Q30" s="522" t="s">
        <v>483</v>
      </c>
      <c r="R30" s="522" t="s">
        <v>482</v>
      </c>
      <c r="S30" s="527" t="s">
        <v>657</v>
      </c>
      <c r="T30" s="528"/>
    </row>
    <row r="31" spans="1:20" ht="19.7" customHeight="1">
      <c r="A31" s="61" t="s">
        <v>230</v>
      </c>
      <c r="B31" s="61" t="s">
        <v>230</v>
      </c>
      <c r="C31" s="47"/>
      <c r="D31" s="135"/>
      <c r="E31" s="48"/>
      <c r="F31" s="48"/>
      <c r="G31" s="520"/>
      <c r="H31" s="521"/>
      <c r="I31" s="522" t="s">
        <v>348</v>
      </c>
      <c r="J31" s="523" t="s">
        <v>348</v>
      </c>
      <c r="K31" s="524"/>
      <c r="L31" s="522"/>
      <c r="M31" s="522"/>
      <c r="N31" s="522"/>
      <c r="O31" s="522"/>
      <c r="P31" s="522"/>
      <c r="Q31" s="522"/>
      <c r="R31" s="522"/>
      <c r="S31" s="527"/>
      <c r="T31" s="528"/>
    </row>
    <row r="32" spans="1:20" ht="63.75" customHeight="1">
      <c r="A32" s="106" t="s">
        <v>1956</v>
      </c>
      <c r="B32" s="207" t="s">
        <v>1957</v>
      </c>
      <c r="C32" s="419"/>
      <c r="D32" s="420" t="s">
        <v>2163</v>
      </c>
      <c r="E32" s="100">
        <v>13900</v>
      </c>
      <c r="F32" s="426" t="s">
        <v>1491</v>
      </c>
      <c r="G32" s="520"/>
      <c r="H32" s="521"/>
      <c r="I32" s="522" t="s">
        <v>86</v>
      </c>
      <c r="J32" s="523" t="s">
        <v>480</v>
      </c>
      <c r="K32" s="524" t="s">
        <v>490</v>
      </c>
      <c r="L32" s="522"/>
      <c r="M32" s="522"/>
      <c r="N32" s="522"/>
      <c r="O32" s="522"/>
      <c r="P32" s="522"/>
      <c r="Q32" s="522"/>
      <c r="R32" s="522"/>
      <c r="S32" s="527"/>
      <c r="T32" s="528"/>
    </row>
    <row r="33" spans="1:20" ht="61.5" customHeight="1">
      <c r="A33" s="106" t="s">
        <v>2146</v>
      </c>
      <c r="B33" s="207" t="s">
        <v>2147</v>
      </c>
      <c r="C33" s="53"/>
      <c r="D33" s="420" t="s">
        <v>2241</v>
      </c>
      <c r="E33" s="100">
        <v>16100</v>
      </c>
      <c r="F33" s="426" t="s">
        <v>1491</v>
      </c>
      <c r="G33" s="520"/>
      <c r="H33" s="521" t="s">
        <v>1920</v>
      </c>
      <c r="I33" s="522" t="s">
        <v>484</v>
      </c>
      <c r="J33" s="523" t="s">
        <v>480</v>
      </c>
      <c r="K33" s="524" t="s">
        <v>490</v>
      </c>
      <c r="L33" s="522"/>
      <c r="M33" s="522"/>
      <c r="N33" s="522"/>
      <c r="O33" s="522"/>
      <c r="P33" s="522"/>
      <c r="Q33" s="522"/>
      <c r="R33" s="522"/>
      <c r="S33" s="527"/>
      <c r="T33" s="528"/>
    </row>
    <row r="34" spans="1:20" ht="19.7" customHeight="1">
      <c r="A34" s="145" t="s">
        <v>231</v>
      </c>
      <c r="B34" s="145" t="s">
        <v>231</v>
      </c>
      <c r="C34" s="47"/>
      <c r="D34" s="135"/>
      <c r="E34" s="47"/>
      <c r="F34" s="179"/>
      <c r="G34" s="520"/>
      <c r="H34" s="521"/>
      <c r="I34" s="522" t="s">
        <v>348</v>
      </c>
      <c r="J34" s="523" t="s">
        <v>348</v>
      </c>
      <c r="K34" s="524"/>
      <c r="L34" s="522"/>
      <c r="M34" s="522"/>
      <c r="N34" s="522"/>
      <c r="O34" s="522"/>
      <c r="P34" s="522"/>
      <c r="Q34" s="522"/>
      <c r="R34" s="522"/>
      <c r="S34" s="527"/>
      <c r="T34" s="528"/>
    </row>
    <row r="35" spans="1:20" ht="72.599999999999994" customHeight="1">
      <c r="A35" s="106" t="s">
        <v>1958</v>
      </c>
      <c r="B35" s="207" t="s">
        <v>1959</v>
      </c>
      <c r="C35" s="54"/>
      <c r="D35" s="420" t="s">
        <v>2075</v>
      </c>
      <c r="E35" s="100">
        <v>14200</v>
      </c>
      <c r="F35" s="426" t="s">
        <v>1491</v>
      </c>
      <c r="G35" s="520"/>
      <c r="H35" s="521"/>
      <c r="I35" s="522" t="s">
        <v>86</v>
      </c>
      <c r="J35" s="523" t="s">
        <v>480</v>
      </c>
      <c r="K35" s="524" t="s">
        <v>490</v>
      </c>
      <c r="L35" s="522"/>
      <c r="M35" s="522"/>
      <c r="N35" s="522"/>
      <c r="O35" s="522"/>
      <c r="P35" s="522"/>
      <c r="Q35" s="522"/>
      <c r="R35" s="522"/>
      <c r="S35" s="527"/>
      <c r="T35" s="528"/>
    </row>
    <row r="36" spans="1:20" ht="72.599999999999994" customHeight="1">
      <c r="A36" s="106" t="s">
        <v>2231</v>
      </c>
      <c r="B36" s="207" t="s">
        <v>2232</v>
      </c>
      <c r="C36" s="54"/>
      <c r="D36" s="420" t="s">
        <v>2243</v>
      </c>
      <c r="E36" s="100">
        <v>16100</v>
      </c>
      <c r="F36" s="426" t="s">
        <v>1491</v>
      </c>
      <c r="G36" s="520"/>
      <c r="H36" s="521"/>
      <c r="I36" s="522" t="s">
        <v>484</v>
      </c>
      <c r="J36" s="523" t="s">
        <v>480</v>
      </c>
      <c r="K36" s="524" t="s">
        <v>490</v>
      </c>
      <c r="L36" s="522"/>
      <c r="M36" s="522"/>
      <c r="N36" s="522"/>
      <c r="O36" s="522"/>
      <c r="P36" s="522"/>
      <c r="Q36" s="522"/>
      <c r="R36" s="522"/>
      <c r="S36" s="527"/>
      <c r="T36" s="528"/>
    </row>
    <row r="37" spans="1:20" ht="60.6" customHeight="1">
      <c r="A37" s="106" t="s">
        <v>1960</v>
      </c>
      <c r="B37" s="207" t="s">
        <v>1961</v>
      </c>
      <c r="C37" s="54"/>
      <c r="D37" s="420" t="s">
        <v>2076</v>
      </c>
      <c r="E37" s="100">
        <v>13900</v>
      </c>
      <c r="F37" s="426" t="s">
        <v>1491</v>
      </c>
      <c r="G37" s="520"/>
      <c r="H37" s="521"/>
      <c r="I37" s="522" t="s">
        <v>86</v>
      </c>
      <c r="J37" s="523" t="s">
        <v>480</v>
      </c>
      <c r="K37" s="524" t="s">
        <v>490</v>
      </c>
      <c r="L37" s="522"/>
      <c r="M37" s="522"/>
      <c r="N37" s="522"/>
      <c r="O37" s="522"/>
      <c r="P37" s="522"/>
      <c r="Q37" s="522"/>
      <c r="R37" s="522"/>
      <c r="S37" s="527"/>
      <c r="T37" s="528"/>
    </row>
    <row r="38" spans="1:20" ht="64.5" customHeight="1">
      <c r="A38" s="106" t="s">
        <v>2161</v>
      </c>
      <c r="B38" s="207" t="s">
        <v>2162</v>
      </c>
      <c r="C38" s="150"/>
      <c r="D38" s="214" t="s">
        <v>2242</v>
      </c>
      <c r="E38" s="100">
        <v>16100</v>
      </c>
      <c r="F38" s="426" t="s">
        <v>1491</v>
      </c>
      <c r="G38" s="520"/>
      <c r="H38" s="521"/>
      <c r="I38" s="522" t="s">
        <v>484</v>
      </c>
      <c r="J38" s="523" t="s">
        <v>480</v>
      </c>
      <c r="K38" s="524" t="s">
        <v>490</v>
      </c>
      <c r="L38" s="522"/>
      <c r="M38" s="522"/>
      <c r="N38" s="522"/>
      <c r="O38" s="522"/>
      <c r="P38" s="522"/>
      <c r="Q38" s="522"/>
      <c r="R38" s="522"/>
      <c r="S38" s="527"/>
      <c r="T38" s="528"/>
    </row>
  </sheetData>
  <autoFilter ref="A3:T38"/>
  <mergeCells count="12">
    <mergeCell ref="D23:D24"/>
    <mergeCell ref="D25:D26"/>
    <mergeCell ref="D29:D30"/>
    <mergeCell ref="D27:D28"/>
    <mergeCell ref="D12:D13"/>
    <mergeCell ref="D6:D7"/>
    <mergeCell ref="D10:D11"/>
    <mergeCell ref="D21:D22"/>
    <mergeCell ref="D15:D16"/>
    <mergeCell ref="D17:D18"/>
    <mergeCell ref="D19:D20"/>
    <mergeCell ref="D8:D9"/>
  </mergeCells>
  <phoneticPr fontId="119" type="noConversion"/>
  <pageMargins left="0.70833333333333304" right="0.70833333333333304" top="0.74791666666666701" bottom="0.74791666666666701" header="0.31458333333333299" footer="0.31458333333333299"/>
  <pageSetup paperSize="9" scale="26" fitToHeight="0" orientation="landscape" r:id="rId1"/>
  <drawing r:id="rId2"/>
</worksheet>
</file>

<file path=xl/worksheets/sheet3.xml><?xml version="1.0" encoding="utf-8"?>
<worksheet xmlns="http://schemas.openxmlformats.org/spreadsheetml/2006/main" xmlns:r="http://schemas.openxmlformats.org/officeDocument/2006/relationships">
  <sheetPr>
    <pageSetUpPr fitToPage="1"/>
  </sheetPr>
  <dimension ref="A1:U49"/>
  <sheetViews>
    <sheetView showGridLines="0" zoomScaleNormal="100" workbookViewId="0">
      <pane xSplit="1" ySplit="3" topLeftCell="B4" activePane="bottomRight" state="frozen"/>
      <selection pane="topRight" activeCell="B1" sqref="B1"/>
      <selection pane="bottomLeft" activeCell="A4" sqref="A4"/>
      <selection pane="bottomRight" activeCell="F47" sqref="F47"/>
    </sheetView>
  </sheetViews>
  <sheetFormatPr defaultColWidth="9" defaultRowHeight="38.25" customHeight="1" outlineLevelCol="1"/>
  <cols>
    <col min="1" max="1" width="23.7109375" style="1" hidden="1" customWidth="1"/>
    <col min="2" max="2" width="26.28515625" style="458" customWidth="1"/>
    <col min="3" max="3" width="19.7109375" style="1" customWidth="1"/>
    <col min="4" max="4" width="54.7109375" style="45" customWidth="1" outlineLevel="1"/>
    <col min="5" max="5" width="11.7109375" style="1" customWidth="1"/>
    <col min="6" max="6" width="11.28515625" style="1" customWidth="1"/>
    <col min="7" max="7" width="3" style="1" customWidth="1"/>
    <col min="8" max="8" width="9.7109375" style="1" customWidth="1"/>
    <col min="9" max="9" width="10.42578125" style="1" customWidth="1"/>
    <col min="10" max="10" width="9" style="1" hidden="1" customWidth="1" outlineLevel="1"/>
    <col min="11" max="11" width="9" style="45" hidden="1" customWidth="1" outlineLevel="1"/>
    <col min="12" max="12" width="10.42578125" style="1" hidden="1" customWidth="1" outlineLevel="1"/>
    <col min="13" max="19" width="9" style="1" hidden="1" customWidth="1" outlineLevel="1"/>
    <col min="20" max="20" width="37.7109375" style="1" hidden="1" customWidth="1" outlineLevel="1"/>
    <col min="21" max="21" width="9" style="1" collapsed="1"/>
    <col min="22" max="16384" width="9" style="1"/>
  </cols>
  <sheetData>
    <row r="1" spans="1:20" s="34" customFormat="1" ht="12.95" customHeight="1">
      <c r="B1" s="458"/>
      <c r="C1" s="159"/>
      <c r="D1" s="159"/>
      <c r="E1" s="59"/>
      <c r="K1" s="167"/>
    </row>
    <row r="2" spans="1:20" s="34" customFormat="1" ht="7.5" customHeight="1">
      <c r="A2" s="35"/>
      <c r="B2" s="459"/>
      <c r="C2" s="161"/>
      <c r="D2" s="161"/>
      <c r="E2" s="160"/>
      <c r="H2" s="122"/>
      <c r="I2" s="122" t="s">
        <v>517</v>
      </c>
      <c r="K2" s="167"/>
    </row>
    <row r="3" spans="1:20" s="44" customFormat="1" ht="25.5">
      <c r="A3" s="117" t="s">
        <v>1907</v>
      </c>
      <c r="B3" s="117" t="s">
        <v>0</v>
      </c>
      <c r="C3" s="117" t="s">
        <v>1</v>
      </c>
      <c r="D3" s="117" t="s">
        <v>2</v>
      </c>
      <c r="E3" s="157" t="s">
        <v>354</v>
      </c>
      <c r="F3" s="118" t="s">
        <v>136</v>
      </c>
      <c r="G3" s="148"/>
      <c r="H3" s="168" t="s">
        <v>1919</v>
      </c>
      <c r="I3" s="168" t="s">
        <v>470</v>
      </c>
      <c r="J3" s="169" t="s">
        <v>471</v>
      </c>
      <c r="K3" s="170" t="s">
        <v>472</v>
      </c>
      <c r="L3" s="170" t="s">
        <v>473</v>
      </c>
      <c r="M3" s="170" t="s">
        <v>474</v>
      </c>
      <c r="N3" s="170" t="s">
        <v>475</v>
      </c>
      <c r="O3" s="170" t="s">
        <v>1573</v>
      </c>
      <c r="P3" s="169" t="s">
        <v>1574</v>
      </c>
      <c r="Q3" s="171" t="s">
        <v>476</v>
      </c>
      <c r="R3" s="171" t="s">
        <v>477</v>
      </c>
      <c r="S3" s="170" t="s">
        <v>478</v>
      </c>
      <c r="T3" s="169" t="s">
        <v>479</v>
      </c>
    </row>
    <row r="4" spans="1:20" ht="18.75">
      <c r="A4" s="129" t="s">
        <v>304</v>
      </c>
      <c r="B4" s="460" t="s">
        <v>304</v>
      </c>
      <c r="C4" s="130"/>
      <c r="D4" s="130"/>
      <c r="E4" s="130"/>
      <c r="F4" s="146"/>
      <c r="G4" s="105"/>
    </row>
    <row r="5" spans="1:20" ht="19.7" customHeight="1">
      <c r="A5" s="61" t="s">
        <v>227</v>
      </c>
      <c r="B5" s="47" t="s">
        <v>227</v>
      </c>
      <c r="C5" s="47"/>
      <c r="D5" s="47"/>
      <c r="E5" s="47"/>
      <c r="F5" s="47"/>
      <c r="G5" s="47"/>
      <c r="H5" s="533"/>
      <c r="I5" s="533"/>
      <c r="J5" s="533"/>
      <c r="K5" s="534"/>
      <c r="L5" s="533"/>
      <c r="M5" s="533"/>
      <c r="N5" s="533"/>
      <c r="O5" s="533"/>
      <c r="P5" s="533"/>
      <c r="Q5" s="533"/>
      <c r="R5" s="533"/>
      <c r="S5" s="533"/>
      <c r="T5" s="535"/>
    </row>
    <row r="6" spans="1:20" ht="44.45" customHeight="1">
      <c r="A6" s="106" t="s">
        <v>1971</v>
      </c>
      <c r="B6" s="395" t="s">
        <v>1973</v>
      </c>
      <c r="C6" s="131"/>
      <c r="D6" s="638" t="s">
        <v>2046</v>
      </c>
      <c r="E6" s="208">
        <v>12000</v>
      </c>
      <c r="F6" s="426" t="s">
        <v>1491</v>
      </c>
      <c r="G6" s="105"/>
      <c r="H6" s="536" t="s">
        <v>1992</v>
      </c>
      <c r="I6" s="536"/>
      <c r="J6" s="537"/>
      <c r="K6" s="538"/>
      <c r="L6" s="536"/>
      <c r="M6" s="536"/>
      <c r="N6" s="536"/>
      <c r="O6" s="536"/>
      <c r="P6" s="536"/>
      <c r="Q6" s="536"/>
      <c r="R6" s="536"/>
      <c r="S6" s="537"/>
      <c r="T6" s="539"/>
    </row>
    <row r="7" spans="1:20" ht="41.45" customHeight="1">
      <c r="A7" s="106" t="s">
        <v>1972</v>
      </c>
      <c r="B7" s="395" t="s">
        <v>1974</v>
      </c>
      <c r="C7" s="153"/>
      <c r="D7" s="640"/>
      <c r="E7" s="208">
        <v>12000</v>
      </c>
      <c r="F7" s="426" t="s">
        <v>1491</v>
      </c>
      <c r="G7" s="105"/>
      <c r="H7" s="536" t="s">
        <v>1992</v>
      </c>
      <c r="I7" s="536"/>
      <c r="J7" s="537"/>
      <c r="K7" s="538"/>
      <c r="L7" s="536"/>
      <c r="M7" s="536"/>
      <c r="N7" s="536"/>
      <c r="O7" s="536"/>
      <c r="P7" s="536"/>
      <c r="Q7" s="536"/>
      <c r="R7" s="536"/>
      <c r="S7" s="537"/>
      <c r="T7" s="539"/>
    </row>
    <row r="8" spans="1:20" ht="42.75" customHeight="1">
      <c r="A8" s="106" t="s">
        <v>660</v>
      </c>
      <c r="B8" s="395" t="s">
        <v>1744</v>
      </c>
      <c r="C8" s="131"/>
      <c r="D8" s="638" t="s">
        <v>2030</v>
      </c>
      <c r="E8" s="208">
        <v>12200</v>
      </c>
      <c r="F8" s="413"/>
      <c r="G8" s="105"/>
      <c r="H8" s="536" t="s">
        <v>1921</v>
      </c>
      <c r="I8" s="536" t="s">
        <v>484</v>
      </c>
      <c r="J8" s="537" t="s">
        <v>480</v>
      </c>
      <c r="K8" s="538" t="s">
        <v>488</v>
      </c>
      <c r="L8" s="536" t="s">
        <v>482</v>
      </c>
      <c r="M8" s="536" t="s">
        <v>482</v>
      </c>
      <c r="N8" s="536" t="s">
        <v>483</v>
      </c>
      <c r="O8" s="536" t="s">
        <v>485</v>
      </c>
      <c r="P8" s="536" t="s">
        <v>483</v>
      </c>
      <c r="Q8" s="536" t="s">
        <v>483</v>
      </c>
      <c r="R8" s="536" t="s">
        <v>483</v>
      </c>
      <c r="S8" s="537" t="s">
        <v>662</v>
      </c>
      <c r="T8" s="539" t="s">
        <v>663</v>
      </c>
    </row>
    <row r="9" spans="1:20" ht="42.75" customHeight="1">
      <c r="A9" s="106" t="s">
        <v>661</v>
      </c>
      <c r="B9" s="395" t="s">
        <v>1745</v>
      </c>
      <c r="C9" s="153"/>
      <c r="D9" s="640"/>
      <c r="E9" s="208">
        <v>12200</v>
      </c>
      <c r="F9" s="413"/>
      <c r="G9" s="105"/>
      <c r="H9" s="536" t="s">
        <v>1921</v>
      </c>
      <c r="I9" s="536" t="s">
        <v>484</v>
      </c>
      <c r="J9" s="537" t="s">
        <v>480</v>
      </c>
      <c r="K9" s="538" t="s">
        <v>481</v>
      </c>
      <c r="L9" s="536" t="s">
        <v>482</v>
      </c>
      <c r="M9" s="536" t="s">
        <v>482</v>
      </c>
      <c r="N9" s="536" t="s">
        <v>483</v>
      </c>
      <c r="O9" s="536" t="s">
        <v>485</v>
      </c>
      <c r="P9" s="536" t="s">
        <v>483</v>
      </c>
      <c r="Q9" s="536" t="s">
        <v>483</v>
      </c>
      <c r="R9" s="536" t="s">
        <v>483</v>
      </c>
      <c r="S9" s="537" t="s">
        <v>662</v>
      </c>
      <c r="T9" s="539" t="s">
        <v>663</v>
      </c>
    </row>
    <row r="10" spans="1:20" ht="44.45" customHeight="1">
      <c r="A10" s="106" t="s">
        <v>2022</v>
      </c>
      <c r="B10" s="174" t="s">
        <v>2023</v>
      </c>
      <c r="C10" s="131"/>
      <c r="D10" s="638" t="s">
        <v>2047</v>
      </c>
      <c r="E10" s="208">
        <v>15600</v>
      </c>
      <c r="F10" s="426" t="s">
        <v>1491</v>
      </c>
      <c r="G10" s="105"/>
      <c r="H10" s="536" t="s">
        <v>1992</v>
      </c>
      <c r="I10" s="536"/>
      <c r="J10" s="537"/>
      <c r="K10" s="538"/>
      <c r="L10" s="536"/>
      <c r="M10" s="536"/>
      <c r="N10" s="536"/>
      <c r="O10" s="536"/>
      <c r="P10" s="536"/>
      <c r="Q10" s="536"/>
      <c r="R10" s="536"/>
      <c r="S10" s="537"/>
      <c r="T10" s="539"/>
    </row>
    <row r="11" spans="1:20" ht="41.45" customHeight="1">
      <c r="A11" s="106" t="s">
        <v>2024</v>
      </c>
      <c r="B11" s="174" t="s">
        <v>2025</v>
      </c>
      <c r="C11" s="153"/>
      <c r="D11" s="640"/>
      <c r="E11" s="208">
        <v>15600</v>
      </c>
      <c r="F11" s="426" t="s">
        <v>1491</v>
      </c>
      <c r="G11" s="105"/>
      <c r="H11" s="536" t="s">
        <v>1992</v>
      </c>
      <c r="I11" s="536"/>
      <c r="J11" s="537"/>
      <c r="K11" s="538"/>
      <c r="L11" s="536"/>
      <c r="M11" s="536"/>
      <c r="N11" s="536"/>
      <c r="O11" s="536"/>
      <c r="P11" s="536"/>
      <c r="Q11" s="536"/>
      <c r="R11" s="536"/>
      <c r="S11" s="537"/>
      <c r="T11" s="539"/>
    </row>
    <row r="12" spans="1:20" ht="42.75" customHeight="1">
      <c r="A12" s="106" t="s">
        <v>664</v>
      </c>
      <c r="B12" s="395" t="s">
        <v>1747</v>
      </c>
      <c r="C12" s="131"/>
      <c r="D12" s="638" t="s">
        <v>1484</v>
      </c>
      <c r="E12" s="208">
        <v>14400</v>
      </c>
      <c r="F12" s="413"/>
      <c r="G12" s="105"/>
      <c r="H12" s="536" t="s">
        <v>1921</v>
      </c>
      <c r="I12" s="536" t="s">
        <v>487</v>
      </c>
      <c r="J12" s="537" t="s">
        <v>480</v>
      </c>
      <c r="K12" s="538" t="s">
        <v>488</v>
      </c>
      <c r="L12" s="536" t="s">
        <v>482</v>
      </c>
      <c r="M12" s="536" t="s">
        <v>482</v>
      </c>
      <c r="N12" s="536" t="s">
        <v>483</v>
      </c>
      <c r="O12" s="536" t="s">
        <v>485</v>
      </c>
      <c r="P12" s="536" t="s">
        <v>483</v>
      </c>
      <c r="Q12" s="536" t="s">
        <v>483</v>
      </c>
      <c r="R12" s="536" t="s">
        <v>483</v>
      </c>
      <c r="S12" s="537" t="s">
        <v>662</v>
      </c>
      <c r="T12" s="539" t="s">
        <v>666</v>
      </c>
    </row>
    <row r="13" spans="1:20" ht="42.75" customHeight="1">
      <c r="A13" s="106" t="s">
        <v>665</v>
      </c>
      <c r="B13" s="395" t="s">
        <v>1748</v>
      </c>
      <c r="C13" s="131"/>
      <c r="D13" s="641"/>
      <c r="E13" s="550">
        <v>14400</v>
      </c>
      <c r="F13" s="555"/>
      <c r="G13" s="105"/>
      <c r="H13" s="536" t="s">
        <v>1921</v>
      </c>
      <c r="I13" s="536" t="s">
        <v>487</v>
      </c>
      <c r="J13" s="537" t="s">
        <v>480</v>
      </c>
      <c r="K13" s="538" t="s">
        <v>481</v>
      </c>
      <c r="L13" s="536" t="s">
        <v>482</v>
      </c>
      <c r="M13" s="536" t="s">
        <v>482</v>
      </c>
      <c r="N13" s="536" t="s">
        <v>483</v>
      </c>
      <c r="O13" s="536" t="s">
        <v>485</v>
      </c>
      <c r="P13" s="536" t="s">
        <v>483</v>
      </c>
      <c r="Q13" s="536" t="s">
        <v>483</v>
      </c>
      <c r="R13" s="536" t="s">
        <v>483</v>
      </c>
      <c r="S13" s="537" t="s">
        <v>662</v>
      </c>
      <c r="T13" s="539" t="s">
        <v>666</v>
      </c>
    </row>
    <row r="14" spans="1:20" ht="19.7" customHeight="1">
      <c r="A14" s="61" t="s">
        <v>228</v>
      </c>
      <c r="B14" s="47" t="s">
        <v>228</v>
      </c>
      <c r="C14" s="47"/>
      <c r="D14" s="135"/>
      <c r="E14" s="47"/>
      <c r="F14" s="48"/>
      <c r="G14" s="105"/>
      <c r="H14" s="536"/>
      <c r="I14" s="536" t="s">
        <v>348</v>
      </c>
      <c r="J14" s="537" t="s">
        <v>348</v>
      </c>
      <c r="K14" s="538" t="s">
        <v>348</v>
      </c>
      <c r="L14" s="536" t="s">
        <v>348</v>
      </c>
      <c r="M14" s="536" t="s">
        <v>348</v>
      </c>
      <c r="N14" s="536" t="s">
        <v>348</v>
      </c>
      <c r="O14" s="536"/>
      <c r="P14" s="536"/>
      <c r="Q14" s="536" t="s">
        <v>348</v>
      </c>
      <c r="R14" s="536" t="s">
        <v>348</v>
      </c>
      <c r="S14" s="537" t="s">
        <v>348</v>
      </c>
      <c r="T14" s="539" t="s">
        <v>348</v>
      </c>
    </row>
    <row r="15" spans="1:20" s="121" customFormat="1" ht="46.5" customHeight="1">
      <c r="A15" s="106" t="s">
        <v>1975</v>
      </c>
      <c r="B15" s="395" t="s">
        <v>1977</v>
      </c>
      <c r="C15" s="518"/>
      <c r="D15" s="638" t="s">
        <v>2048</v>
      </c>
      <c r="E15" s="208">
        <v>12000</v>
      </c>
      <c r="F15" s="556" t="s">
        <v>1491</v>
      </c>
      <c r="G15" s="105"/>
      <c r="H15" s="536" t="s">
        <v>1992</v>
      </c>
      <c r="I15" s="536"/>
      <c r="J15" s="537"/>
      <c r="K15" s="538"/>
      <c r="L15" s="536"/>
      <c r="M15" s="536"/>
      <c r="N15" s="536"/>
      <c r="O15" s="536"/>
      <c r="P15" s="536"/>
      <c r="Q15" s="536"/>
      <c r="R15" s="536"/>
      <c r="S15" s="537"/>
      <c r="T15" s="539"/>
    </row>
    <row r="16" spans="1:20" s="121" customFormat="1" ht="46.5" customHeight="1">
      <c r="A16" s="106" t="s">
        <v>1976</v>
      </c>
      <c r="B16" s="395" t="s">
        <v>1978</v>
      </c>
      <c r="C16" s="519"/>
      <c r="D16" s="640"/>
      <c r="E16" s="208">
        <v>12000</v>
      </c>
      <c r="F16" s="556" t="s">
        <v>1491</v>
      </c>
      <c r="G16" s="105"/>
      <c r="H16" s="536" t="s">
        <v>1992</v>
      </c>
      <c r="I16" s="536"/>
      <c r="J16" s="537"/>
      <c r="K16" s="538"/>
      <c r="L16" s="536"/>
      <c r="M16" s="536"/>
      <c r="N16" s="536"/>
      <c r="O16" s="536"/>
      <c r="P16" s="536"/>
      <c r="Q16" s="536"/>
      <c r="R16" s="536"/>
      <c r="S16" s="537"/>
      <c r="T16" s="539"/>
    </row>
    <row r="17" spans="1:20" ht="42.75" customHeight="1">
      <c r="A17" s="106" t="s">
        <v>667</v>
      </c>
      <c r="B17" s="395" t="s">
        <v>1755</v>
      </c>
      <c r="C17" s="131"/>
      <c r="D17" s="638" t="s">
        <v>1968</v>
      </c>
      <c r="E17" s="208">
        <v>12200</v>
      </c>
      <c r="F17" s="413"/>
      <c r="G17" s="105"/>
      <c r="H17" s="536" t="s">
        <v>1921</v>
      </c>
      <c r="I17" s="536" t="s">
        <v>484</v>
      </c>
      <c r="J17" s="537" t="s">
        <v>480</v>
      </c>
      <c r="K17" s="538" t="s">
        <v>488</v>
      </c>
      <c r="L17" s="536" t="s">
        <v>482</v>
      </c>
      <c r="M17" s="536" t="s">
        <v>482</v>
      </c>
      <c r="N17" s="536" t="s">
        <v>483</v>
      </c>
      <c r="O17" s="536" t="s">
        <v>483</v>
      </c>
      <c r="P17" s="536" t="s">
        <v>486</v>
      </c>
      <c r="Q17" s="536" t="s">
        <v>486</v>
      </c>
      <c r="R17" s="536" t="s">
        <v>483</v>
      </c>
      <c r="S17" s="537" t="s">
        <v>669</v>
      </c>
      <c r="T17" s="539" t="s">
        <v>670</v>
      </c>
    </row>
    <row r="18" spans="1:20" ht="42.75" customHeight="1">
      <c r="A18" s="106" t="s">
        <v>668</v>
      </c>
      <c r="B18" s="395" t="s">
        <v>1756</v>
      </c>
      <c r="C18" s="131"/>
      <c r="D18" s="640"/>
      <c r="E18" s="208">
        <v>12200</v>
      </c>
      <c r="F18" s="413"/>
      <c r="G18" s="105"/>
      <c r="H18" s="536" t="s">
        <v>1921</v>
      </c>
      <c r="I18" s="536" t="s">
        <v>484</v>
      </c>
      <c r="J18" s="537" t="s">
        <v>480</v>
      </c>
      <c r="K18" s="538" t="s">
        <v>671</v>
      </c>
      <c r="L18" s="536" t="s">
        <v>482</v>
      </c>
      <c r="M18" s="536" t="s">
        <v>482</v>
      </c>
      <c r="N18" s="536" t="s">
        <v>483</v>
      </c>
      <c r="O18" s="536" t="s">
        <v>483</v>
      </c>
      <c r="P18" s="536" t="s">
        <v>486</v>
      </c>
      <c r="Q18" s="536" t="s">
        <v>486</v>
      </c>
      <c r="R18" s="536" t="s">
        <v>483</v>
      </c>
      <c r="S18" s="537" t="s">
        <v>669</v>
      </c>
      <c r="T18" s="539" t="s">
        <v>670</v>
      </c>
    </row>
    <row r="19" spans="1:20" s="121" customFormat="1" ht="46.5" customHeight="1">
      <c r="A19" s="106" t="s">
        <v>2026</v>
      </c>
      <c r="B19" s="395" t="s">
        <v>2028</v>
      </c>
      <c r="C19" s="518"/>
      <c r="D19" s="638" t="s">
        <v>2049</v>
      </c>
      <c r="E19" s="208">
        <v>15600</v>
      </c>
      <c r="F19" s="556" t="s">
        <v>1491</v>
      </c>
      <c r="G19" s="105"/>
      <c r="H19" s="536" t="s">
        <v>1992</v>
      </c>
      <c r="I19" s="536"/>
      <c r="J19" s="537"/>
      <c r="K19" s="538"/>
      <c r="L19" s="536"/>
      <c r="M19" s="536"/>
      <c r="N19" s="536"/>
      <c r="O19" s="536"/>
      <c r="P19" s="536"/>
      <c r="Q19" s="536"/>
      <c r="R19" s="536"/>
      <c r="S19" s="537"/>
      <c r="T19" s="539"/>
    </row>
    <row r="20" spans="1:20" s="121" customFormat="1" ht="46.5" customHeight="1">
      <c r="A20" s="106" t="s">
        <v>2027</v>
      </c>
      <c r="B20" s="395" t="s">
        <v>2029</v>
      </c>
      <c r="C20" s="519"/>
      <c r="D20" s="640"/>
      <c r="E20" s="208">
        <v>15600</v>
      </c>
      <c r="F20" s="556" t="s">
        <v>1491</v>
      </c>
      <c r="G20" s="105"/>
      <c r="H20" s="536" t="s">
        <v>1992</v>
      </c>
      <c r="I20" s="536"/>
      <c r="J20" s="537"/>
      <c r="K20" s="538"/>
      <c r="L20" s="536"/>
      <c r="M20" s="536"/>
      <c r="N20" s="536"/>
      <c r="O20" s="536"/>
      <c r="P20" s="536"/>
      <c r="Q20" s="536"/>
      <c r="R20" s="536"/>
      <c r="S20" s="537"/>
      <c r="T20" s="539"/>
    </row>
    <row r="21" spans="1:20" ht="42.75" customHeight="1">
      <c r="A21" s="106" t="s">
        <v>675</v>
      </c>
      <c r="B21" s="395" t="s">
        <v>1757</v>
      </c>
      <c r="C21" s="132"/>
      <c r="D21" s="638" t="s">
        <v>1483</v>
      </c>
      <c r="E21" s="208">
        <v>14600</v>
      </c>
      <c r="F21" s="413"/>
      <c r="G21" s="105"/>
      <c r="H21" s="536" t="s">
        <v>1921</v>
      </c>
      <c r="I21" s="536" t="s">
        <v>487</v>
      </c>
      <c r="J21" s="537" t="s">
        <v>480</v>
      </c>
      <c r="K21" s="538" t="s">
        <v>488</v>
      </c>
      <c r="L21" s="536" t="s">
        <v>482</v>
      </c>
      <c r="M21" s="536" t="s">
        <v>482</v>
      </c>
      <c r="N21" s="536" t="s">
        <v>483</v>
      </c>
      <c r="O21" s="536" t="s">
        <v>483</v>
      </c>
      <c r="P21" s="536" t="s">
        <v>486</v>
      </c>
      <c r="Q21" s="536" t="s">
        <v>486</v>
      </c>
      <c r="R21" s="536" t="s">
        <v>483</v>
      </c>
      <c r="S21" s="537" t="s">
        <v>669</v>
      </c>
      <c r="T21" s="539" t="s">
        <v>672</v>
      </c>
    </row>
    <row r="22" spans="1:20" ht="42.75" customHeight="1">
      <c r="A22" s="106" t="s">
        <v>676</v>
      </c>
      <c r="B22" s="395" t="s">
        <v>1758</v>
      </c>
      <c r="C22" s="131"/>
      <c r="D22" s="640"/>
      <c r="E22" s="208">
        <v>14600</v>
      </c>
      <c r="F22" s="413"/>
      <c r="G22" s="105"/>
      <c r="H22" s="536" t="s">
        <v>1921</v>
      </c>
      <c r="I22" s="536" t="s">
        <v>487</v>
      </c>
      <c r="J22" s="537" t="s">
        <v>480</v>
      </c>
      <c r="K22" s="538" t="s">
        <v>481</v>
      </c>
      <c r="L22" s="536" t="s">
        <v>482</v>
      </c>
      <c r="M22" s="536" t="s">
        <v>482</v>
      </c>
      <c r="N22" s="536" t="s">
        <v>483</v>
      </c>
      <c r="O22" s="536" t="s">
        <v>483</v>
      </c>
      <c r="P22" s="536" t="s">
        <v>486</v>
      </c>
      <c r="Q22" s="536" t="s">
        <v>486</v>
      </c>
      <c r="R22" s="536" t="s">
        <v>483</v>
      </c>
      <c r="S22" s="537" t="s">
        <v>669</v>
      </c>
      <c r="T22" s="539" t="s">
        <v>672</v>
      </c>
    </row>
    <row r="23" spans="1:20" ht="42.75" customHeight="1">
      <c r="A23" s="106" t="s">
        <v>1979</v>
      </c>
      <c r="B23" s="395" t="s">
        <v>1981</v>
      </c>
      <c r="C23" s="132"/>
      <c r="D23" s="638" t="s">
        <v>2050</v>
      </c>
      <c r="E23" s="208">
        <v>11800</v>
      </c>
      <c r="F23" s="556" t="s">
        <v>1491</v>
      </c>
      <c r="G23" s="105"/>
      <c r="H23" s="536" t="s">
        <v>1992</v>
      </c>
      <c r="I23" s="536"/>
      <c r="J23" s="537"/>
      <c r="K23" s="538"/>
      <c r="L23" s="536"/>
      <c r="M23" s="536"/>
      <c r="N23" s="536"/>
      <c r="O23" s="536"/>
      <c r="P23" s="536"/>
      <c r="Q23" s="536"/>
      <c r="R23" s="536"/>
      <c r="S23" s="537"/>
      <c r="T23" s="539"/>
    </row>
    <row r="24" spans="1:20" ht="42.75" customHeight="1">
      <c r="A24" s="106" t="s">
        <v>1980</v>
      </c>
      <c r="B24" s="395" t="s">
        <v>1982</v>
      </c>
      <c r="C24" s="131"/>
      <c r="D24" s="640"/>
      <c r="E24" s="208">
        <v>11800</v>
      </c>
      <c r="F24" s="556" t="s">
        <v>1491</v>
      </c>
      <c r="G24" s="105"/>
      <c r="H24" s="536" t="s">
        <v>1992</v>
      </c>
      <c r="I24" s="536"/>
      <c r="J24" s="537"/>
      <c r="K24" s="538"/>
      <c r="L24" s="536"/>
      <c r="M24" s="536"/>
      <c r="N24" s="536"/>
      <c r="O24" s="536"/>
      <c r="P24" s="536"/>
      <c r="Q24" s="536"/>
      <c r="R24" s="536"/>
      <c r="S24" s="537"/>
      <c r="T24" s="539"/>
    </row>
    <row r="25" spans="1:20" ht="42.75" customHeight="1">
      <c r="A25" s="106" t="s">
        <v>673</v>
      </c>
      <c r="B25" s="395" t="s">
        <v>1764</v>
      </c>
      <c r="C25" s="132"/>
      <c r="D25" s="638" t="s">
        <v>1481</v>
      </c>
      <c r="E25" s="208">
        <v>12000</v>
      </c>
      <c r="F25" s="413"/>
      <c r="G25" s="105"/>
      <c r="H25" s="536" t="s">
        <v>1921</v>
      </c>
      <c r="I25" s="536" t="s">
        <v>484</v>
      </c>
      <c r="J25" s="537" t="s">
        <v>480</v>
      </c>
      <c r="K25" s="538" t="s">
        <v>488</v>
      </c>
      <c r="L25" s="536" t="s">
        <v>482</v>
      </c>
      <c r="M25" s="536" t="s">
        <v>483</v>
      </c>
      <c r="N25" s="536" t="s">
        <v>483</v>
      </c>
      <c r="O25" s="536" t="s">
        <v>485</v>
      </c>
      <c r="P25" s="536" t="s">
        <v>483</v>
      </c>
      <c r="Q25" s="536" t="s">
        <v>483</v>
      </c>
      <c r="R25" s="536" t="s">
        <v>483</v>
      </c>
      <c r="S25" s="537" t="s">
        <v>679</v>
      </c>
      <c r="T25" s="539" t="s">
        <v>680</v>
      </c>
    </row>
    <row r="26" spans="1:20" ht="42.75" customHeight="1">
      <c r="A26" s="106" t="s">
        <v>674</v>
      </c>
      <c r="B26" s="427" t="s">
        <v>1765</v>
      </c>
      <c r="C26" s="557"/>
      <c r="D26" s="639"/>
      <c r="E26" s="208">
        <v>12000</v>
      </c>
      <c r="F26" s="413"/>
      <c r="G26" s="105"/>
      <c r="H26" s="536" t="s">
        <v>1921</v>
      </c>
      <c r="I26" s="536" t="s">
        <v>484</v>
      </c>
      <c r="J26" s="537" t="s">
        <v>480</v>
      </c>
      <c r="K26" s="538" t="s">
        <v>481</v>
      </c>
      <c r="L26" s="536" t="s">
        <v>482</v>
      </c>
      <c r="M26" s="536" t="s">
        <v>483</v>
      </c>
      <c r="N26" s="536" t="s">
        <v>483</v>
      </c>
      <c r="O26" s="536" t="s">
        <v>485</v>
      </c>
      <c r="P26" s="536" t="s">
        <v>483</v>
      </c>
      <c r="Q26" s="536" t="s">
        <v>483</v>
      </c>
      <c r="R26" s="536" t="s">
        <v>483</v>
      </c>
      <c r="S26" s="537" t="s">
        <v>681</v>
      </c>
      <c r="T26" s="539" t="s">
        <v>680</v>
      </c>
    </row>
    <row r="27" spans="1:20" ht="42.75" customHeight="1">
      <c r="A27" s="106" t="s">
        <v>2031</v>
      </c>
      <c r="B27" s="395" t="s">
        <v>2033</v>
      </c>
      <c r="C27" s="132"/>
      <c r="D27" s="638" t="s">
        <v>2051</v>
      </c>
      <c r="E27" s="208">
        <v>15400</v>
      </c>
      <c r="F27" s="412" t="s">
        <v>1491</v>
      </c>
      <c r="G27" s="105"/>
      <c r="H27" s="536" t="s">
        <v>1992</v>
      </c>
      <c r="I27" s="536"/>
      <c r="J27" s="537"/>
      <c r="K27" s="538"/>
      <c r="L27" s="536"/>
      <c r="M27" s="536"/>
      <c r="N27" s="536"/>
      <c r="O27" s="536"/>
      <c r="P27" s="536"/>
      <c r="Q27" s="536"/>
      <c r="R27" s="536"/>
      <c r="S27" s="537"/>
      <c r="T27" s="539"/>
    </row>
    <row r="28" spans="1:20" ht="42.75" customHeight="1">
      <c r="A28" s="106" t="s">
        <v>2032</v>
      </c>
      <c r="B28" s="395" t="s">
        <v>2034</v>
      </c>
      <c r="C28" s="131"/>
      <c r="D28" s="640"/>
      <c r="E28" s="208">
        <v>15400</v>
      </c>
      <c r="F28" s="412" t="s">
        <v>1491</v>
      </c>
      <c r="G28" s="105"/>
      <c r="H28" s="536" t="s">
        <v>1992</v>
      </c>
      <c r="I28" s="536"/>
      <c r="J28" s="537"/>
      <c r="K28" s="538"/>
      <c r="L28" s="536"/>
      <c r="M28" s="536"/>
      <c r="N28" s="536"/>
      <c r="O28" s="536"/>
      <c r="P28" s="536"/>
      <c r="Q28" s="536"/>
      <c r="R28" s="536"/>
      <c r="S28" s="537"/>
      <c r="T28" s="539"/>
    </row>
    <row r="29" spans="1:20" ht="42.75" customHeight="1">
      <c r="A29" s="106" t="s">
        <v>677</v>
      </c>
      <c r="B29" s="395" t="s">
        <v>1766</v>
      </c>
      <c r="C29" s="57"/>
      <c r="D29" s="638" t="s">
        <v>1482</v>
      </c>
      <c r="E29" s="208">
        <v>14400</v>
      </c>
      <c r="F29" s="413"/>
      <c r="G29" s="105"/>
      <c r="H29" s="536" t="s">
        <v>1921</v>
      </c>
      <c r="I29" s="536" t="s">
        <v>487</v>
      </c>
      <c r="J29" s="537" t="s">
        <v>480</v>
      </c>
      <c r="K29" s="538" t="s">
        <v>488</v>
      </c>
      <c r="L29" s="536" t="s">
        <v>482</v>
      </c>
      <c r="M29" s="536" t="s">
        <v>483</v>
      </c>
      <c r="N29" s="536" t="s">
        <v>483</v>
      </c>
      <c r="O29" s="536" t="s">
        <v>485</v>
      </c>
      <c r="P29" s="536" t="s">
        <v>483</v>
      </c>
      <c r="Q29" s="536" t="s">
        <v>483</v>
      </c>
      <c r="R29" s="536" t="s">
        <v>483</v>
      </c>
      <c r="S29" s="537" t="s">
        <v>681</v>
      </c>
      <c r="T29" s="539" t="s">
        <v>682</v>
      </c>
    </row>
    <row r="30" spans="1:20" ht="42.75" customHeight="1">
      <c r="A30" s="106" t="s">
        <v>678</v>
      </c>
      <c r="B30" s="395" t="s">
        <v>1767</v>
      </c>
      <c r="C30" s="58"/>
      <c r="D30" s="640"/>
      <c r="E30" s="208">
        <v>14400</v>
      </c>
      <c r="F30" s="413"/>
      <c r="G30" s="105"/>
      <c r="H30" s="536" t="s">
        <v>1921</v>
      </c>
      <c r="I30" s="536" t="s">
        <v>487</v>
      </c>
      <c r="J30" s="537" t="s">
        <v>480</v>
      </c>
      <c r="K30" s="538" t="s">
        <v>481</v>
      </c>
      <c r="L30" s="536" t="s">
        <v>482</v>
      </c>
      <c r="M30" s="536" t="s">
        <v>483</v>
      </c>
      <c r="N30" s="536" t="s">
        <v>483</v>
      </c>
      <c r="O30" s="536" t="s">
        <v>485</v>
      </c>
      <c r="P30" s="536" t="s">
        <v>483</v>
      </c>
      <c r="Q30" s="536" t="s">
        <v>483</v>
      </c>
      <c r="R30" s="536" t="s">
        <v>483</v>
      </c>
      <c r="S30" s="537" t="s">
        <v>681</v>
      </c>
      <c r="T30" s="539" t="s">
        <v>682</v>
      </c>
    </row>
    <row r="31" spans="1:20" s="33" customFormat="1" ht="65.45" customHeight="1">
      <c r="A31" s="174" t="s">
        <v>2165</v>
      </c>
      <c r="B31" s="395" t="s">
        <v>2168</v>
      </c>
      <c r="C31" s="423"/>
      <c r="D31" s="425" t="s">
        <v>2054</v>
      </c>
      <c r="E31" s="208">
        <v>12200</v>
      </c>
      <c r="F31" s="412" t="s">
        <v>1491</v>
      </c>
      <c r="G31" s="105"/>
      <c r="H31" s="536"/>
      <c r="I31" s="536" t="s">
        <v>86</v>
      </c>
      <c r="J31" s="537" t="s">
        <v>480</v>
      </c>
      <c r="K31" s="538" t="s">
        <v>488</v>
      </c>
      <c r="L31" s="536" t="s">
        <v>482</v>
      </c>
      <c r="M31" s="536" t="s">
        <v>482</v>
      </c>
      <c r="N31" s="536" t="s">
        <v>482</v>
      </c>
      <c r="O31" s="536" t="s">
        <v>485</v>
      </c>
      <c r="P31" s="536" t="s">
        <v>483</v>
      </c>
      <c r="Q31" s="536" t="s">
        <v>483</v>
      </c>
      <c r="R31" s="536" t="s">
        <v>483</v>
      </c>
      <c r="S31" s="537" t="s">
        <v>489</v>
      </c>
      <c r="T31" s="539" t="s">
        <v>2053</v>
      </c>
    </row>
    <row r="32" spans="1:20" s="33" customFormat="1" ht="69" customHeight="1">
      <c r="A32" s="174" t="s">
        <v>2166</v>
      </c>
      <c r="B32" s="395" t="s">
        <v>2167</v>
      </c>
      <c r="C32" s="424"/>
      <c r="D32" s="425" t="s">
        <v>2077</v>
      </c>
      <c r="E32" s="208">
        <v>15800</v>
      </c>
      <c r="F32" s="412" t="s">
        <v>1491</v>
      </c>
      <c r="G32" s="105"/>
      <c r="H32" s="536"/>
      <c r="I32" s="536" t="s">
        <v>484</v>
      </c>
      <c r="J32" s="537" t="s">
        <v>480</v>
      </c>
      <c r="K32" s="538" t="s">
        <v>488</v>
      </c>
      <c r="L32" s="536" t="s">
        <v>482</v>
      </c>
      <c r="M32" s="536" t="s">
        <v>482</v>
      </c>
      <c r="N32" s="536" t="s">
        <v>482</v>
      </c>
      <c r="O32" s="536" t="s">
        <v>485</v>
      </c>
      <c r="P32" s="536" t="s">
        <v>483</v>
      </c>
      <c r="Q32" s="536" t="s">
        <v>483</v>
      </c>
      <c r="R32" s="536" t="s">
        <v>483</v>
      </c>
      <c r="S32" s="537" t="s">
        <v>489</v>
      </c>
      <c r="T32" s="539" t="s">
        <v>2052</v>
      </c>
    </row>
    <row r="33" spans="1:20" ht="19.7" customHeight="1">
      <c r="A33" s="61" t="s">
        <v>230</v>
      </c>
      <c r="B33" s="47" t="s">
        <v>230</v>
      </c>
      <c r="C33" s="47"/>
      <c r="D33" s="135"/>
      <c r="E33" s="47"/>
      <c r="F33" s="47"/>
      <c r="G33" s="105"/>
      <c r="H33" s="536"/>
      <c r="I33" s="536" t="s">
        <v>348</v>
      </c>
      <c r="J33" s="537" t="s">
        <v>348</v>
      </c>
      <c r="K33" s="538" t="s">
        <v>348</v>
      </c>
      <c r="L33" s="536" t="s">
        <v>348</v>
      </c>
      <c r="M33" s="536" t="s">
        <v>348</v>
      </c>
      <c r="N33" s="536" t="s">
        <v>348</v>
      </c>
      <c r="O33" s="536"/>
      <c r="P33" s="536"/>
      <c r="Q33" s="536" t="s">
        <v>348</v>
      </c>
      <c r="R33" s="536" t="s">
        <v>348</v>
      </c>
      <c r="S33" s="537" t="s">
        <v>348</v>
      </c>
      <c r="T33" s="539" t="s">
        <v>348</v>
      </c>
    </row>
    <row r="34" spans="1:20" ht="73.7" customHeight="1">
      <c r="A34" s="106" t="s">
        <v>1983</v>
      </c>
      <c r="B34" s="395" t="s">
        <v>1984</v>
      </c>
      <c r="C34" s="125"/>
      <c r="D34" s="421" t="s">
        <v>2035</v>
      </c>
      <c r="E34" s="208">
        <v>20400</v>
      </c>
      <c r="F34" s="412" t="s">
        <v>1491</v>
      </c>
      <c r="G34" s="105"/>
      <c r="H34" s="536" t="s">
        <v>1992</v>
      </c>
      <c r="I34" s="536"/>
      <c r="J34" s="537"/>
      <c r="K34" s="538"/>
      <c r="L34" s="536"/>
      <c r="M34" s="536"/>
      <c r="N34" s="536"/>
      <c r="O34" s="536"/>
      <c r="P34" s="536"/>
      <c r="Q34" s="536"/>
      <c r="R34" s="536"/>
      <c r="S34" s="537"/>
      <c r="T34" s="539"/>
    </row>
    <row r="35" spans="1:20" ht="73.7" customHeight="1">
      <c r="A35" s="106" t="s">
        <v>1453</v>
      </c>
      <c r="B35" s="395" t="s">
        <v>1772</v>
      </c>
      <c r="C35" s="125"/>
      <c r="D35" s="136" t="s">
        <v>1485</v>
      </c>
      <c r="E35" s="208">
        <v>23700</v>
      </c>
      <c r="F35" s="413"/>
      <c r="G35" s="105"/>
      <c r="H35" s="536" t="s">
        <v>1921</v>
      </c>
      <c r="I35" s="536" t="s">
        <v>484</v>
      </c>
      <c r="J35" s="537" t="s">
        <v>480</v>
      </c>
      <c r="K35" s="538" t="s">
        <v>490</v>
      </c>
      <c r="L35" s="536" t="s">
        <v>482</v>
      </c>
      <c r="M35" s="536" t="s">
        <v>482</v>
      </c>
      <c r="N35" s="536" t="s">
        <v>483</v>
      </c>
      <c r="O35" s="536" t="s">
        <v>483</v>
      </c>
      <c r="P35" s="536" t="s">
        <v>486</v>
      </c>
      <c r="Q35" s="536" t="s">
        <v>486</v>
      </c>
      <c r="R35" s="536" t="s">
        <v>483</v>
      </c>
      <c r="S35" s="537" t="s">
        <v>681</v>
      </c>
      <c r="T35" s="539" t="s">
        <v>1455</v>
      </c>
    </row>
    <row r="36" spans="1:20" ht="73.7" customHeight="1">
      <c r="A36" s="106" t="s">
        <v>1991</v>
      </c>
      <c r="B36" s="395" t="s">
        <v>2139</v>
      </c>
      <c r="C36" s="125"/>
      <c r="D36" s="421" t="s">
        <v>2036</v>
      </c>
      <c r="E36" s="208">
        <v>25200</v>
      </c>
      <c r="F36" s="412" t="s">
        <v>1491</v>
      </c>
      <c r="G36" s="105"/>
      <c r="H36" s="536" t="s">
        <v>1992</v>
      </c>
      <c r="I36" s="536"/>
      <c r="J36" s="537"/>
      <c r="K36" s="538"/>
      <c r="L36" s="536"/>
      <c r="M36" s="536"/>
      <c r="N36" s="536"/>
      <c r="O36" s="536"/>
      <c r="P36" s="536"/>
      <c r="Q36" s="536"/>
      <c r="R36" s="536"/>
      <c r="S36" s="537"/>
      <c r="T36" s="539"/>
    </row>
    <row r="37" spans="1:20" ht="73.7" customHeight="1">
      <c r="A37" s="106" t="s">
        <v>1454</v>
      </c>
      <c r="B37" s="395" t="s">
        <v>1773</v>
      </c>
      <c r="C37" s="124"/>
      <c r="D37" s="136" t="s">
        <v>1486</v>
      </c>
      <c r="E37" s="208">
        <v>25900</v>
      </c>
      <c r="F37" s="413"/>
      <c r="G37" s="105"/>
      <c r="H37" s="536" t="s">
        <v>1921</v>
      </c>
      <c r="I37" s="536" t="s">
        <v>487</v>
      </c>
      <c r="J37" s="537" t="s">
        <v>480</v>
      </c>
      <c r="K37" s="538" t="s">
        <v>490</v>
      </c>
      <c r="L37" s="536" t="s">
        <v>482</v>
      </c>
      <c r="M37" s="536" t="s">
        <v>482</v>
      </c>
      <c r="N37" s="536" t="s">
        <v>483</v>
      </c>
      <c r="O37" s="536" t="s">
        <v>483</v>
      </c>
      <c r="P37" s="536" t="s">
        <v>486</v>
      </c>
      <c r="Q37" s="536" t="s">
        <v>486</v>
      </c>
      <c r="R37" s="536" t="s">
        <v>483</v>
      </c>
      <c r="S37" s="537" t="s">
        <v>681</v>
      </c>
      <c r="T37" s="539" t="s">
        <v>1456</v>
      </c>
    </row>
    <row r="38" spans="1:20" ht="81.2" customHeight="1">
      <c r="A38" s="110" t="s">
        <v>1993</v>
      </c>
      <c r="B38" s="395" t="s">
        <v>1994</v>
      </c>
      <c r="C38" s="133"/>
      <c r="D38" s="421" t="s">
        <v>2037</v>
      </c>
      <c r="E38" s="208">
        <v>27600</v>
      </c>
      <c r="F38" s="412" t="s">
        <v>1491</v>
      </c>
      <c r="G38" s="105"/>
      <c r="H38" s="536" t="s">
        <v>1992</v>
      </c>
      <c r="I38" s="536"/>
      <c r="J38" s="537"/>
      <c r="K38" s="538"/>
      <c r="L38" s="536"/>
      <c r="M38" s="536"/>
      <c r="N38" s="536"/>
      <c r="O38" s="536"/>
      <c r="P38" s="536"/>
      <c r="Q38" s="536"/>
      <c r="R38" s="536"/>
      <c r="S38" s="537"/>
      <c r="T38" s="539"/>
    </row>
    <row r="39" spans="1:20" ht="19.7" customHeight="1">
      <c r="A39" s="61" t="s">
        <v>231</v>
      </c>
      <c r="B39" s="47" t="s">
        <v>231</v>
      </c>
      <c r="C39" s="47"/>
      <c r="D39" s="135"/>
      <c r="E39" s="47"/>
      <c r="F39" s="47"/>
      <c r="G39" s="105"/>
      <c r="H39" s="536"/>
      <c r="I39" s="536" t="s">
        <v>348</v>
      </c>
      <c r="J39" s="537" t="s">
        <v>348</v>
      </c>
      <c r="K39" s="538" t="s">
        <v>348</v>
      </c>
      <c r="L39" s="536" t="s">
        <v>348</v>
      </c>
      <c r="M39" s="536" t="s">
        <v>348</v>
      </c>
      <c r="N39" s="536" t="s">
        <v>348</v>
      </c>
      <c r="O39" s="536"/>
      <c r="P39" s="536"/>
      <c r="Q39" s="536" t="s">
        <v>348</v>
      </c>
      <c r="R39" s="536" t="s">
        <v>348</v>
      </c>
      <c r="S39" s="537" t="s">
        <v>348</v>
      </c>
      <c r="T39" s="539" t="s">
        <v>348</v>
      </c>
    </row>
    <row r="40" spans="1:20" s="121" customFormat="1" ht="72.599999999999994" customHeight="1">
      <c r="A40" s="106" t="s">
        <v>1986</v>
      </c>
      <c r="B40" s="395" t="s">
        <v>1985</v>
      </c>
      <c r="C40" s="125"/>
      <c r="D40" s="421" t="s">
        <v>2040</v>
      </c>
      <c r="E40" s="208">
        <v>20400</v>
      </c>
      <c r="F40" s="412" t="s">
        <v>1491</v>
      </c>
      <c r="G40" s="105"/>
      <c r="H40" s="536" t="s">
        <v>1992</v>
      </c>
      <c r="I40" s="536"/>
      <c r="J40" s="537"/>
      <c r="K40" s="538"/>
      <c r="L40" s="536"/>
      <c r="M40" s="536"/>
      <c r="N40" s="536"/>
      <c r="O40" s="536"/>
      <c r="P40" s="536"/>
      <c r="Q40" s="536"/>
      <c r="R40" s="536"/>
      <c r="S40" s="537"/>
      <c r="T40" s="539"/>
    </row>
    <row r="41" spans="1:20" s="121" customFormat="1" ht="72.599999999999994" customHeight="1">
      <c r="A41" s="106" t="s">
        <v>1457</v>
      </c>
      <c r="B41" s="395" t="s">
        <v>1783</v>
      </c>
      <c r="C41" s="125"/>
      <c r="D41" s="363" t="s">
        <v>1487</v>
      </c>
      <c r="E41" s="208">
        <v>23700</v>
      </c>
      <c r="F41" s="413"/>
      <c r="G41" s="105"/>
      <c r="H41" s="536" t="s">
        <v>1921</v>
      </c>
      <c r="I41" s="536" t="s">
        <v>484</v>
      </c>
      <c r="J41" s="537" t="s">
        <v>480</v>
      </c>
      <c r="K41" s="538" t="s">
        <v>490</v>
      </c>
      <c r="L41" s="536" t="s">
        <v>482</v>
      </c>
      <c r="M41" s="536" t="s">
        <v>482</v>
      </c>
      <c r="N41" s="536" t="s">
        <v>483</v>
      </c>
      <c r="O41" s="536" t="s">
        <v>483</v>
      </c>
      <c r="P41" s="536" t="s">
        <v>486</v>
      </c>
      <c r="Q41" s="536" t="s">
        <v>486</v>
      </c>
      <c r="R41" s="536" t="s">
        <v>482</v>
      </c>
      <c r="S41" s="537" t="s">
        <v>1459</v>
      </c>
      <c r="T41" s="539" t="s">
        <v>1460</v>
      </c>
    </row>
    <row r="42" spans="1:20" s="121" customFormat="1" ht="72.599999999999994" customHeight="1">
      <c r="A42" s="106" t="s">
        <v>1995</v>
      </c>
      <c r="B42" s="174" t="s">
        <v>1996</v>
      </c>
      <c r="C42" s="125"/>
      <c r="D42" s="421" t="s">
        <v>2039</v>
      </c>
      <c r="E42" s="208">
        <v>25200</v>
      </c>
      <c r="F42" s="412" t="s">
        <v>1491</v>
      </c>
      <c r="G42" s="105"/>
      <c r="H42" s="536" t="s">
        <v>1992</v>
      </c>
      <c r="I42" s="536"/>
      <c r="J42" s="537"/>
      <c r="K42" s="538"/>
      <c r="L42" s="536"/>
      <c r="M42" s="536"/>
      <c r="N42" s="536"/>
      <c r="O42" s="536"/>
      <c r="P42" s="536"/>
      <c r="Q42" s="536"/>
      <c r="R42" s="536"/>
      <c r="S42" s="537"/>
      <c r="T42" s="539"/>
    </row>
    <row r="43" spans="1:20" s="121" customFormat="1" ht="72.599999999999994" customHeight="1">
      <c r="A43" s="106" t="s">
        <v>1458</v>
      </c>
      <c r="B43" s="395" t="s">
        <v>1784</v>
      </c>
      <c r="C43" s="124"/>
      <c r="D43" s="364" t="s">
        <v>1488</v>
      </c>
      <c r="E43" s="208">
        <v>25900</v>
      </c>
      <c r="F43" s="413"/>
      <c r="G43" s="105"/>
      <c r="H43" s="536" t="s">
        <v>1921</v>
      </c>
      <c r="I43" s="536" t="s">
        <v>487</v>
      </c>
      <c r="J43" s="537" t="s">
        <v>480</v>
      </c>
      <c r="K43" s="538" t="s">
        <v>490</v>
      </c>
      <c r="L43" s="536" t="s">
        <v>482</v>
      </c>
      <c r="M43" s="536" t="s">
        <v>482</v>
      </c>
      <c r="N43" s="536" t="s">
        <v>483</v>
      </c>
      <c r="O43" s="536" t="s">
        <v>483</v>
      </c>
      <c r="P43" s="536" t="s">
        <v>486</v>
      </c>
      <c r="Q43" s="536" t="s">
        <v>486</v>
      </c>
      <c r="R43" s="536" t="s">
        <v>482</v>
      </c>
      <c r="S43" s="537" t="s">
        <v>1459</v>
      </c>
      <c r="T43" s="539" t="s">
        <v>1461</v>
      </c>
    </row>
    <row r="44" spans="1:20" s="121" customFormat="1" ht="88.5" customHeight="1">
      <c r="A44" s="106" t="s">
        <v>1989</v>
      </c>
      <c r="B44" s="395" t="s">
        <v>1990</v>
      </c>
      <c r="C44" s="125"/>
      <c r="D44" s="421" t="s">
        <v>2038</v>
      </c>
      <c r="E44" s="208">
        <v>27600</v>
      </c>
      <c r="F44" s="412" t="s">
        <v>1491</v>
      </c>
      <c r="G44" s="105"/>
      <c r="H44" s="536" t="s">
        <v>1992</v>
      </c>
      <c r="I44" s="536"/>
      <c r="J44" s="537"/>
      <c r="K44" s="538"/>
      <c r="L44" s="536"/>
      <c r="M44" s="536"/>
      <c r="N44" s="536"/>
      <c r="O44" s="536"/>
      <c r="P44" s="536"/>
      <c r="Q44" s="536"/>
      <c r="R44" s="536"/>
      <c r="S44" s="537"/>
      <c r="T44" s="539"/>
    </row>
    <row r="45" spans="1:20" s="121" customFormat="1" ht="88.5" customHeight="1">
      <c r="A45" s="106" t="s">
        <v>1987</v>
      </c>
      <c r="B45" s="395" t="s">
        <v>1988</v>
      </c>
      <c r="C45" s="125"/>
      <c r="D45" s="421" t="s">
        <v>2041</v>
      </c>
      <c r="E45" s="208">
        <v>19900</v>
      </c>
      <c r="F45" s="412" t="s">
        <v>1491</v>
      </c>
      <c r="G45" s="105"/>
      <c r="H45" s="536" t="s">
        <v>1992</v>
      </c>
      <c r="I45" s="536"/>
      <c r="J45" s="537"/>
      <c r="K45" s="538"/>
      <c r="L45" s="536"/>
      <c r="M45" s="536"/>
      <c r="N45" s="536"/>
      <c r="O45" s="536"/>
      <c r="P45" s="536"/>
      <c r="Q45" s="536"/>
      <c r="R45" s="536"/>
      <c r="S45" s="537"/>
      <c r="T45" s="539"/>
    </row>
    <row r="46" spans="1:20" s="121" customFormat="1" ht="72" customHeight="1">
      <c r="A46" s="151" t="s">
        <v>1462</v>
      </c>
      <c r="B46" s="395" t="s">
        <v>1787</v>
      </c>
      <c r="C46" s="125"/>
      <c r="D46" s="364" t="s">
        <v>1490</v>
      </c>
      <c r="E46" s="208">
        <v>23500</v>
      </c>
      <c r="F46" s="602"/>
      <c r="G46" s="105"/>
      <c r="H46" s="536" t="s">
        <v>1921</v>
      </c>
      <c r="I46" s="536" t="s">
        <v>484</v>
      </c>
      <c r="J46" s="537" t="s">
        <v>480</v>
      </c>
      <c r="K46" s="538" t="s">
        <v>490</v>
      </c>
      <c r="L46" s="536" t="s">
        <v>482</v>
      </c>
      <c r="M46" s="536" t="s">
        <v>482</v>
      </c>
      <c r="N46" s="536" t="s">
        <v>483</v>
      </c>
      <c r="O46" s="536" t="s">
        <v>485</v>
      </c>
      <c r="P46" s="536" t="s">
        <v>483</v>
      </c>
      <c r="Q46" s="536" t="s">
        <v>483</v>
      </c>
      <c r="R46" s="536" t="s">
        <v>482</v>
      </c>
      <c r="S46" s="537" t="s">
        <v>1464</v>
      </c>
      <c r="T46" s="539" t="s">
        <v>1465</v>
      </c>
    </row>
    <row r="47" spans="1:20" s="121" customFormat="1" ht="88.5" customHeight="1">
      <c r="A47" s="106" t="s">
        <v>1997</v>
      </c>
      <c r="B47" s="174" t="s">
        <v>1998</v>
      </c>
      <c r="C47" s="125"/>
      <c r="D47" s="421" t="s">
        <v>2042</v>
      </c>
      <c r="E47" s="208">
        <v>24900</v>
      </c>
      <c r="F47" s="603" t="s">
        <v>1491</v>
      </c>
      <c r="G47" s="105"/>
      <c r="H47" s="536" t="s">
        <v>1992</v>
      </c>
      <c r="I47" s="536" t="s">
        <v>484</v>
      </c>
      <c r="J47" s="537" t="s">
        <v>480</v>
      </c>
      <c r="K47" s="538" t="s">
        <v>1876</v>
      </c>
      <c r="L47" s="536"/>
      <c r="M47" s="536"/>
      <c r="N47" s="536"/>
      <c r="O47" s="536"/>
      <c r="P47" s="536"/>
      <c r="Q47" s="536"/>
      <c r="R47" s="536"/>
      <c r="S47" s="537"/>
      <c r="T47" s="539"/>
    </row>
    <row r="48" spans="1:20" s="121" customFormat="1" ht="72" customHeight="1">
      <c r="A48" s="123" t="s">
        <v>1463</v>
      </c>
      <c r="B48" s="395" t="s">
        <v>1788</v>
      </c>
      <c r="C48" s="58"/>
      <c r="D48" s="364" t="s">
        <v>1489</v>
      </c>
      <c r="E48" s="208">
        <v>25600</v>
      </c>
      <c r="F48" s="602"/>
      <c r="G48" s="105"/>
      <c r="H48" s="536" t="s">
        <v>1921</v>
      </c>
      <c r="I48" s="536" t="s">
        <v>487</v>
      </c>
      <c r="J48" s="537" t="s">
        <v>480</v>
      </c>
      <c r="K48" s="538" t="s">
        <v>490</v>
      </c>
      <c r="L48" s="536" t="s">
        <v>482</v>
      </c>
      <c r="M48" s="536" t="s">
        <v>482</v>
      </c>
      <c r="N48" s="536" t="s">
        <v>483</v>
      </c>
      <c r="O48" s="536" t="s">
        <v>485</v>
      </c>
      <c r="P48" s="536" t="s">
        <v>483</v>
      </c>
      <c r="Q48" s="536" t="s">
        <v>483</v>
      </c>
      <c r="R48" s="536" t="s">
        <v>482</v>
      </c>
      <c r="S48" s="537" t="s">
        <v>1464</v>
      </c>
      <c r="T48" s="539" t="s">
        <v>1466</v>
      </c>
    </row>
    <row r="49" spans="1:20" ht="84.75" customHeight="1">
      <c r="A49" s="110" t="s">
        <v>1999</v>
      </c>
      <c r="B49" s="207" t="s">
        <v>2000</v>
      </c>
      <c r="C49" s="120"/>
      <c r="D49" s="421" t="s">
        <v>2043</v>
      </c>
      <c r="E49" s="208">
        <v>27100</v>
      </c>
      <c r="F49" s="603" t="s">
        <v>1491</v>
      </c>
      <c r="G49" s="105"/>
      <c r="H49" s="536"/>
      <c r="I49" s="536"/>
      <c r="J49" s="537"/>
      <c r="K49" s="538"/>
      <c r="L49" s="536"/>
      <c r="M49" s="536"/>
      <c r="N49" s="536"/>
      <c r="O49" s="536"/>
      <c r="P49" s="536"/>
      <c r="Q49" s="536"/>
      <c r="R49" s="536"/>
      <c r="S49" s="537"/>
      <c r="T49" s="539"/>
    </row>
  </sheetData>
  <autoFilter ref="A3:T49"/>
  <mergeCells count="12">
    <mergeCell ref="D25:D26"/>
    <mergeCell ref="D29:D30"/>
    <mergeCell ref="D19:D20"/>
    <mergeCell ref="D27:D28"/>
    <mergeCell ref="D6:D7"/>
    <mergeCell ref="D15:D16"/>
    <mergeCell ref="D23:D24"/>
    <mergeCell ref="D8:D9"/>
    <mergeCell ref="D12:D13"/>
    <mergeCell ref="D17:D18"/>
    <mergeCell ref="D10:D11"/>
    <mergeCell ref="D21:D22"/>
  </mergeCells>
  <phoneticPr fontId="119" type="noConversion"/>
  <pageMargins left="0.70833333333333304" right="0.70833333333333304" top="0.74791666666666701" bottom="0.74791666666666701" header="0.31458333333333299" footer="0.31458333333333299"/>
  <pageSetup paperSize="9" scale="26" fitToHeight="0" orientation="landscape" r:id="rId1"/>
  <drawing r:id="rId2"/>
</worksheet>
</file>

<file path=xl/worksheets/sheet4.xml><?xml version="1.0" encoding="utf-8"?>
<worksheet xmlns="http://schemas.openxmlformats.org/spreadsheetml/2006/main" xmlns:r="http://schemas.openxmlformats.org/officeDocument/2006/relationships">
  <sheetPr>
    <pageSetUpPr fitToPage="1"/>
  </sheetPr>
  <dimension ref="A1:T16"/>
  <sheetViews>
    <sheetView showGridLines="0" zoomScaleNormal="100" workbookViewId="0">
      <pane xSplit="1" ySplit="3" topLeftCell="B4" activePane="bottomRight" state="frozen"/>
      <selection activeCell="B40" sqref="B40"/>
      <selection pane="topRight" activeCell="B40" sqref="B40"/>
      <selection pane="bottomLeft" activeCell="B40" sqref="B40"/>
      <selection pane="bottomRight" activeCell="B3" sqref="B3"/>
    </sheetView>
  </sheetViews>
  <sheetFormatPr defaultColWidth="9" defaultRowHeight="38.25" customHeight="1" outlineLevelCol="1"/>
  <cols>
    <col min="1" max="1" width="25.42578125" style="1" hidden="1" customWidth="1"/>
    <col min="2" max="2" width="27.7109375" style="1" customWidth="1"/>
    <col min="3" max="3" width="19.7109375" style="1" customWidth="1"/>
    <col min="4" max="4" width="49.42578125" style="45" customWidth="1" outlineLevel="1"/>
    <col min="5" max="5" width="11" style="1" customWidth="1"/>
    <col min="6" max="6" width="11.42578125" style="183" customWidth="1"/>
    <col min="7" max="7" width="3.28515625" style="103" customWidth="1"/>
    <col min="8" max="8" width="11.42578125" style="44" customWidth="1"/>
    <col min="9" max="9" width="9" style="1" hidden="1" customWidth="1" outlineLevel="1"/>
    <col min="10" max="10" width="9" style="45" hidden="1" customWidth="1" outlineLevel="1"/>
    <col min="11" max="11" width="8.28515625" style="1" hidden="1" customWidth="1" outlineLevel="1"/>
    <col min="12" max="17" width="9" style="1" hidden="1" customWidth="1" outlineLevel="1"/>
    <col min="18" max="18" width="14.28515625" style="45" hidden="1" customWidth="1" outlineLevel="1"/>
    <col min="19" max="19" width="37.7109375" style="1" hidden="1" customWidth="1" outlineLevel="1"/>
    <col min="20" max="20" width="9" style="1" collapsed="1"/>
    <col min="21" max="16384" width="9" style="1"/>
  </cols>
  <sheetData>
    <row r="1" spans="1:19" s="34" customFormat="1" ht="11.45" customHeight="1">
      <c r="C1" s="159"/>
      <c r="D1" s="159"/>
      <c r="E1" s="59"/>
      <c r="F1" s="176"/>
      <c r="G1" s="103"/>
      <c r="H1" s="369"/>
      <c r="J1" s="167"/>
      <c r="R1" s="167"/>
    </row>
    <row r="2" spans="1:19" s="34" customFormat="1" ht="7.5" customHeight="1">
      <c r="A2" s="35"/>
      <c r="B2" s="35"/>
      <c r="C2" s="161"/>
      <c r="D2" s="161"/>
      <c r="E2" s="160"/>
      <c r="F2" s="176"/>
      <c r="G2" s="103"/>
      <c r="H2" s="121" t="s">
        <v>517</v>
      </c>
      <c r="J2" s="167"/>
      <c r="R2" s="167"/>
    </row>
    <row r="3" spans="1:19" s="44" customFormat="1" ht="20.25" customHeight="1">
      <c r="A3" s="156" t="s">
        <v>1907</v>
      </c>
      <c r="B3" s="156" t="s">
        <v>0</v>
      </c>
      <c r="C3" s="156" t="s">
        <v>1</v>
      </c>
      <c r="D3" s="156" t="s">
        <v>2</v>
      </c>
      <c r="E3" s="157" t="s">
        <v>354</v>
      </c>
      <c r="F3" s="177" t="s">
        <v>136</v>
      </c>
      <c r="G3" s="158"/>
      <c r="H3" s="169" t="s">
        <v>470</v>
      </c>
      <c r="I3" s="169" t="s">
        <v>471</v>
      </c>
      <c r="J3" s="170" t="s">
        <v>472</v>
      </c>
      <c r="K3" s="170" t="s">
        <v>473</v>
      </c>
      <c r="L3" s="170" t="s">
        <v>474</v>
      </c>
      <c r="M3" s="170" t="s">
        <v>475</v>
      </c>
      <c r="N3" s="170" t="s">
        <v>1573</v>
      </c>
      <c r="O3" s="169" t="s">
        <v>1574</v>
      </c>
      <c r="P3" s="171" t="s">
        <v>476</v>
      </c>
      <c r="Q3" s="171" t="s">
        <v>477</v>
      </c>
      <c r="R3" s="453" t="s">
        <v>478</v>
      </c>
      <c r="S3" s="169" t="s">
        <v>479</v>
      </c>
    </row>
    <row r="4" spans="1:19" ht="18.75">
      <c r="A4" s="129" t="s">
        <v>1899</v>
      </c>
      <c r="B4" s="129" t="s">
        <v>1899</v>
      </c>
      <c r="C4" s="130"/>
      <c r="D4" s="130"/>
      <c r="E4" s="130"/>
      <c r="F4" s="178"/>
      <c r="G4" s="105"/>
    </row>
    <row r="5" spans="1:19" ht="21.6" customHeight="1">
      <c r="A5" s="397" t="s">
        <v>1895</v>
      </c>
      <c r="B5" s="397" t="s">
        <v>1895</v>
      </c>
      <c r="C5" s="52"/>
      <c r="D5" s="137"/>
      <c r="E5" s="52"/>
      <c r="F5" s="180"/>
      <c r="G5" s="105"/>
      <c r="H5" s="44" t="s">
        <v>348</v>
      </c>
      <c r="I5" s="1" t="s">
        <v>348</v>
      </c>
      <c r="K5" s="44"/>
      <c r="L5" s="44"/>
      <c r="M5" s="44"/>
      <c r="N5" s="44"/>
      <c r="O5" s="44"/>
      <c r="P5" s="44"/>
      <c r="Q5" s="44"/>
      <c r="S5" s="155"/>
    </row>
    <row r="6" spans="1:19" ht="69.95" customHeight="1">
      <c r="A6" s="173" t="s">
        <v>575</v>
      </c>
      <c r="B6" s="207" t="s">
        <v>1541</v>
      </c>
      <c r="C6" s="57"/>
      <c r="D6" s="213" t="s">
        <v>714</v>
      </c>
      <c r="E6" s="100">
        <v>20400</v>
      </c>
      <c r="F6" s="360" t="s">
        <v>2169</v>
      </c>
      <c r="G6" s="105"/>
      <c r="H6" s="540" t="s">
        <v>86</v>
      </c>
      <c r="I6" s="541" t="s">
        <v>480</v>
      </c>
      <c r="J6" s="542" t="s">
        <v>552</v>
      </c>
      <c r="K6" s="540" t="s">
        <v>482</v>
      </c>
      <c r="L6" s="540" t="s">
        <v>482</v>
      </c>
      <c r="M6" s="540" t="s">
        <v>483</v>
      </c>
      <c r="N6" s="540" t="s">
        <v>553</v>
      </c>
      <c r="O6" s="540" t="s">
        <v>483</v>
      </c>
      <c r="P6" s="540" t="s">
        <v>483</v>
      </c>
      <c r="Q6" s="540" t="s">
        <v>482</v>
      </c>
      <c r="R6" s="542" t="s">
        <v>554</v>
      </c>
      <c r="S6" s="543" t="s">
        <v>555</v>
      </c>
    </row>
    <row r="7" spans="1:19" ht="68.25" customHeight="1">
      <c r="A7" s="174" t="s">
        <v>556</v>
      </c>
      <c r="B7" s="110" t="s">
        <v>1789</v>
      </c>
      <c r="C7" s="125"/>
      <c r="D7" s="139" t="s">
        <v>1896</v>
      </c>
      <c r="E7" s="100">
        <v>29000</v>
      </c>
      <c r="F7" s="360" t="s">
        <v>2164</v>
      </c>
      <c r="G7" s="105"/>
      <c r="H7" s="540" t="s">
        <v>487</v>
      </c>
      <c r="I7" s="541" t="s">
        <v>480</v>
      </c>
      <c r="J7" s="542" t="s">
        <v>552</v>
      </c>
      <c r="K7" s="540" t="s">
        <v>482</v>
      </c>
      <c r="L7" s="540" t="s">
        <v>482</v>
      </c>
      <c r="M7" s="540" t="s">
        <v>482</v>
      </c>
      <c r="N7" s="544" t="s">
        <v>1580</v>
      </c>
      <c r="O7" s="540" t="s">
        <v>483</v>
      </c>
      <c r="P7" s="540" t="s">
        <v>482</v>
      </c>
      <c r="Q7" s="540" t="s">
        <v>482</v>
      </c>
      <c r="R7" s="542" t="s">
        <v>557</v>
      </c>
      <c r="S7" s="543" t="s">
        <v>558</v>
      </c>
    </row>
    <row r="8" spans="1:19" ht="21.6" customHeight="1">
      <c r="A8" s="397" t="s">
        <v>1900</v>
      </c>
      <c r="B8" s="397" t="s">
        <v>1900</v>
      </c>
      <c r="C8" s="52"/>
      <c r="D8" s="137"/>
      <c r="E8" s="52"/>
      <c r="F8" s="180"/>
      <c r="G8" s="105"/>
      <c r="H8" s="540" t="s">
        <v>348</v>
      </c>
      <c r="I8" s="541" t="s">
        <v>348</v>
      </c>
      <c r="J8" s="542"/>
      <c r="K8" s="540"/>
      <c r="L8" s="540"/>
      <c r="M8" s="540"/>
      <c r="N8" s="540"/>
      <c r="O8" s="540"/>
      <c r="P8" s="540"/>
      <c r="Q8" s="540"/>
      <c r="R8" s="542"/>
      <c r="S8" s="543"/>
    </row>
    <row r="9" spans="1:19" ht="96.6" customHeight="1">
      <c r="A9" s="46" t="s">
        <v>1901</v>
      </c>
      <c r="B9" s="46" t="s">
        <v>1902</v>
      </c>
      <c r="C9" s="125"/>
      <c r="D9" s="213" t="s">
        <v>1906</v>
      </c>
      <c r="E9" s="100">
        <v>21600</v>
      </c>
      <c r="F9" s="360"/>
      <c r="G9" s="105"/>
      <c r="H9" s="540" t="s">
        <v>86</v>
      </c>
      <c r="I9" s="541" t="s">
        <v>480</v>
      </c>
      <c r="J9" s="542" t="s">
        <v>2170</v>
      </c>
      <c r="K9" s="540" t="s">
        <v>482</v>
      </c>
      <c r="L9" s="540" t="s">
        <v>482</v>
      </c>
      <c r="M9" s="540" t="s">
        <v>492</v>
      </c>
      <c r="N9" s="544" t="s">
        <v>1580</v>
      </c>
      <c r="O9" s="540" t="s">
        <v>483</v>
      </c>
      <c r="P9" s="540" t="s">
        <v>483</v>
      </c>
      <c r="Q9" s="540" t="s">
        <v>482</v>
      </c>
      <c r="R9" s="542" t="s">
        <v>2171</v>
      </c>
      <c r="S9" s="543" t="s">
        <v>2172</v>
      </c>
    </row>
    <row r="10" spans="1:19" ht="82.5" customHeight="1">
      <c r="A10" s="46" t="s">
        <v>2044</v>
      </c>
      <c r="B10" s="173" t="s">
        <v>2045</v>
      </c>
      <c r="C10" s="125"/>
      <c r="D10" s="442" t="s">
        <v>2237</v>
      </c>
      <c r="E10" s="100">
        <v>24000</v>
      </c>
      <c r="F10" s="418" t="s">
        <v>2137</v>
      </c>
      <c r="G10" s="105"/>
      <c r="H10" s="540" t="s">
        <v>487</v>
      </c>
      <c r="I10" s="541" t="s">
        <v>480</v>
      </c>
      <c r="J10" s="542" t="s">
        <v>1904</v>
      </c>
      <c r="K10" s="540" t="s">
        <v>482</v>
      </c>
      <c r="L10" s="540" t="s">
        <v>482</v>
      </c>
      <c r="M10" s="540"/>
      <c r="N10" s="544" t="s">
        <v>1905</v>
      </c>
      <c r="O10" s="540"/>
      <c r="P10" s="540"/>
      <c r="Q10" s="540"/>
      <c r="R10" s="542"/>
      <c r="S10" s="543"/>
    </row>
    <row r="11" spans="1:19" ht="23.25" customHeight="1">
      <c r="A11" s="397" t="s">
        <v>1903</v>
      </c>
      <c r="B11" s="397" t="s">
        <v>1922</v>
      </c>
      <c r="C11" s="52"/>
      <c r="D11" s="137"/>
      <c r="E11" s="52"/>
      <c r="F11" s="180"/>
      <c r="G11" s="105"/>
      <c r="H11" s="540" t="s">
        <v>348</v>
      </c>
      <c r="I11" s="541" t="s">
        <v>348</v>
      </c>
      <c r="J11" s="542"/>
      <c r="K11" s="540"/>
      <c r="L11" s="540"/>
      <c r="M11" s="540"/>
      <c r="N11" s="540"/>
      <c r="O11" s="540"/>
      <c r="P11" s="540"/>
      <c r="Q11" s="540"/>
      <c r="R11" s="542"/>
      <c r="S11" s="543"/>
    </row>
    <row r="12" spans="1:19" ht="112.5" customHeight="1">
      <c r="A12" s="123" t="s">
        <v>1467</v>
      </c>
      <c r="B12" s="371" t="s">
        <v>1543</v>
      </c>
      <c r="C12" s="57"/>
      <c r="D12" s="213" t="s">
        <v>1897</v>
      </c>
      <c r="E12" s="100">
        <v>58900</v>
      </c>
      <c r="F12" s="360"/>
      <c r="G12" s="105"/>
      <c r="H12" s="540" t="s">
        <v>86</v>
      </c>
      <c r="I12" s="541" t="s">
        <v>480</v>
      </c>
      <c r="J12" s="542" t="s">
        <v>494</v>
      </c>
      <c r="K12" s="540" t="s">
        <v>482</v>
      </c>
      <c r="L12" s="540" t="s">
        <v>482</v>
      </c>
      <c r="M12" s="540" t="s">
        <v>492</v>
      </c>
      <c r="N12" s="540" t="s">
        <v>483</v>
      </c>
      <c r="O12" s="540" t="s">
        <v>486</v>
      </c>
      <c r="P12" s="540" t="s">
        <v>486</v>
      </c>
      <c r="Q12" s="540" t="s">
        <v>482</v>
      </c>
      <c r="R12" s="542" t="s">
        <v>2173</v>
      </c>
      <c r="S12" s="543" t="s">
        <v>2174</v>
      </c>
    </row>
    <row r="13" spans="1:19" ht="103.5" customHeight="1">
      <c r="A13" s="106" t="s">
        <v>1893</v>
      </c>
      <c r="B13" s="207" t="s">
        <v>1894</v>
      </c>
      <c r="C13" s="58"/>
      <c r="D13" s="398" t="s">
        <v>1898</v>
      </c>
      <c r="E13" s="100">
        <v>79000</v>
      </c>
      <c r="F13" s="360"/>
      <c r="G13" s="105"/>
      <c r="H13" s="540" t="s">
        <v>86</v>
      </c>
      <c r="I13" s="541" t="s">
        <v>480</v>
      </c>
      <c r="J13" s="542" t="s">
        <v>518</v>
      </c>
      <c r="K13" s="540" t="s">
        <v>482</v>
      </c>
      <c r="L13" s="540" t="s">
        <v>482</v>
      </c>
      <c r="M13" s="540" t="s">
        <v>492</v>
      </c>
      <c r="N13" s="540" t="s">
        <v>483</v>
      </c>
      <c r="O13" s="540" t="s">
        <v>486</v>
      </c>
      <c r="P13" s="545" t="s">
        <v>493</v>
      </c>
      <c r="Q13" s="540" t="s">
        <v>482</v>
      </c>
      <c r="R13" s="542" t="s">
        <v>2175</v>
      </c>
      <c r="S13" s="543" t="s">
        <v>2176</v>
      </c>
    </row>
    <row r="14" spans="1:19" ht="15">
      <c r="A14" s="49" t="s">
        <v>229</v>
      </c>
      <c r="B14" s="49" t="s">
        <v>229</v>
      </c>
      <c r="C14" s="52"/>
      <c r="D14" s="137"/>
      <c r="E14" s="48"/>
      <c r="F14" s="48"/>
      <c r="G14" s="105"/>
      <c r="H14" s="540" t="s">
        <v>348</v>
      </c>
      <c r="I14" s="541" t="s">
        <v>348</v>
      </c>
      <c r="J14" s="542" t="s">
        <v>348</v>
      </c>
      <c r="K14" s="540" t="s">
        <v>348</v>
      </c>
      <c r="L14" s="540" t="s">
        <v>348</v>
      </c>
      <c r="M14" s="540" t="s">
        <v>348</v>
      </c>
      <c r="N14" s="540"/>
      <c r="O14" s="540"/>
      <c r="P14" s="540" t="s">
        <v>348</v>
      </c>
      <c r="Q14" s="540" t="s">
        <v>348</v>
      </c>
      <c r="R14" s="542" t="s">
        <v>348</v>
      </c>
      <c r="S14" s="543" t="s">
        <v>348</v>
      </c>
    </row>
    <row r="15" spans="1:19" ht="87" customHeight="1">
      <c r="A15" s="106" t="s">
        <v>353</v>
      </c>
      <c r="B15" s="372" t="s">
        <v>1790</v>
      </c>
      <c r="C15" s="57"/>
      <c r="D15" s="134" t="s">
        <v>1134</v>
      </c>
      <c r="E15" s="208">
        <v>64600</v>
      </c>
      <c r="F15" s="360" t="s">
        <v>2164</v>
      </c>
      <c r="G15" s="105"/>
      <c r="H15" s="540" t="s">
        <v>86</v>
      </c>
      <c r="I15" s="541" t="s">
        <v>480</v>
      </c>
      <c r="J15" s="542" t="s">
        <v>491</v>
      </c>
      <c r="K15" s="540" t="s">
        <v>482</v>
      </c>
      <c r="L15" s="540" t="s">
        <v>482</v>
      </c>
      <c r="M15" s="540" t="s">
        <v>492</v>
      </c>
      <c r="N15" s="544" t="s">
        <v>483</v>
      </c>
      <c r="O15" s="540" t="s">
        <v>486</v>
      </c>
      <c r="P15" s="540" t="s">
        <v>486</v>
      </c>
      <c r="Q15" s="540" t="s">
        <v>483</v>
      </c>
      <c r="R15" s="542" t="s">
        <v>573</v>
      </c>
      <c r="S15" s="543" t="s">
        <v>574</v>
      </c>
    </row>
    <row r="16" spans="1:19" ht="87" customHeight="1">
      <c r="A16" s="106" t="s">
        <v>2228</v>
      </c>
      <c r="B16" s="110" t="s">
        <v>2229</v>
      </c>
      <c r="C16" s="58"/>
      <c r="D16" s="134" t="s">
        <v>2230</v>
      </c>
      <c r="E16" s="208">
        <v>93300</v>
      </c>
      <c r="F16" s="360"/>
      <c r="G16" s="105"/>
      <c r="H16" s="540" t="s">
        <v>86</v>
      </c>
      <c r="I16" s="541" t="s">
        <v>480</v>
      </c>
      <c r="J16" s="542" t="s">
        <v>518</v>
      </c>
      <c r="K16" s="540"/>
      <c r="L16" s="540"/>
      <c r="M16" s="540"/>
      <c r="N16" s="544"/>
      <c r="O16" s="540"/>
      <c r="P16" s="540"/>
      <c r="Q16" s="540"/>
      <c r="R16" s="542"/>
      <c r="S16" s="543"/>
    </row>
  </sheetData>
  <autoFilter ref="A3:S16"/>
  <phoneticPr fontId="119" type="noConversion"/>
  <pageMargins left="0.70833333333333304" right="0.70833333333333304" top="0.74791666666666701" bottom="0.74791666666666701" header="0.31458333333333299" footer="0.31458333333333299"/>
  <pageSetup paperSize="9" scale="26" fitToHeight="0" orientation="landscape" r:id="rId1"/>
  <drawing r:id="rId2"/>
</worksheet>
</file>

<file path=xl/worksheets/sheet5.xml><?xml version="1.0" encoding="utf-8"?>
<worksheet xmlns="http://schemas.openxmlformats.org/spreadsheetml/2006/main" xmlns:r="http://schemas.openxmlformats.org/officeDocument/2006/relationships">
  <sheetPr>
    <pageSetUpPr fitToPage="1"/>
  </sheetPr>
  <dimension ref="A1:U36"/>
  <sheetViews>
    <sheetView showGridLines="0" zoomScaleNormal="100" workbookViewId="0">
      <pane xSplit="1" ySplit="3" topLeftCell="B4" activePane="bottomRight" state="frozen"/>
      <selection activeCell="B40" sqref="B40"/>
      <selection pane="topRight" activeCell="B40" sqref="B40"/>
      <selection pane="bottomLeft" activeCell="B40" sqref="B40"/>
      <selection pane="bottomRight" activeCell="B3" sqref="B3"/>
    </sheetView>
  </sheetViews>
  <sheetFormatPr defaultColWidth="9" defaultRowHeight="38.25" customHeight="1" outlineLevelCol="1"/>
  <cols>
    <col min="1" max="1" width="28" style="1" hidden="1" customWidth="1"/>
    <col min="2" max="2" width="24.42578125" style="458" customWidth="1"/>
    <col min="3" max="3" width="19.7109375" style="1" customWidth="1"/>
    <col min="4" max="4" width="49.42578125" style="45" customWidth="1" outlineLevel="1"/>
    <col min="5" max="5" width="11" style="1" customWidth="1"/>
    <col min="6" max="6" width="11.42578125" style="183" customWidth="1"/>
    <col min="7" max="7" width="3.28515625" style="103" customWidth="1"/>
    <col min="8" max="8" width="24" style="44" customWidth="1"/>
    <col min="9" max="9" width="11.42578125" style="44" customWidth="1"/>
    <col min="10" max="10" width="9" style="1" hidden="1" customWidth="1" outlineLevel="1"/>
    <col min="11" max="11" width="9" style="45" hidden="1" customWidth="1" outlineLevel="1"/>
    <col min="12" max="12" width="14.7109375" style="1" hidden="1" customWidth="1" outlineLevel="1"/>
    <col min="13" max="17" width="9" style="1" hidden="1" customWidth="1" outlineLevel="1"/>
    <col min="18" max="18" width="9" style="1" collapsed="1"/>
    <col min="19" max="16384" width="9" style="1"/>
  </cols>
  <sheetData>
    <row r="1" spans="1:21" s="34" customFormat="1" ht="11.45" customHeight="1">
      <c r="B1" s="458"/>
      <c r="C1" s="159"/>
      <c r="D1" s="159"/>
      <c r="E1" s="59"/>
      <c r="F1" s="176"/>
      <c r="G1" s="103"/>
      <c r="H1" s="369"/>
      <c r="I1" s="369"/>
      <c r="K1" s="167"/>
    </row>
    <row r="2" spans="1:21" s="34" customFormat="1" ht="7.5" customHeight="1">
      <c r="A2" s="35"/>
      <c r="B2" s="459"/>
      <c r="C2" s="161"/>
      <c r="D2" s="161"/>
      <c r="E2" s="160"/>
      <c r="F2" s="176"/>
      <c r="G2" s="103"/>
      <c r="H2" s="121"/>
      <c r="I2" s="121" t="s">
        <v>517</v>
      </c>
      <c r="K2" s="167"/>
    </row>
    <row r="3" spans="1:21" s="44" customFormat="1" ht="33" customHeight="1">
      <c r="A3" s="156" t="s">
        <v>1907</v>
      </c>
      <c r="B3" s="156" t="s">
        <v>0</v>
      </c>
      <c r="C3" s="156" t="s">
        <v>1</v>
      </c>
      <c r="D3" s="156" t="s">
        <v>2</v>
      </c>
      <c r="E3" s="157" t="s">
        <v>354</v>
      </c>
      <c r="F3" s="177" t="s">
        <v>136</v>
      </c>
      <c r="G3" s="158"/>
      <c r="H3" s="154" t="s">
        <v>685</v>
      </c>
      <c r="I3" s="154" t="s">
        <v>686</v>
      </c>
      <c r="J3" s="154" t="s">
        <v>687</v>
      </c>
      <c r="K3" s="154" t="s">
        <v>688</v>
      </c>
      <c r="L3" s="154" t="s">
        <v>2116</v>
      </c>
      <c r="M3" s="154" t="s">
        <v>2117</v>
      </c>
      <c r="N3" s="154" t="s">
        <v>690</v>
      </c>
      <c r="O3" s="154" t="s">
        <v>691</v>
      </c>
      <c r="P3" s="154" t="s">
        <v>692</v>
      </c>
      <c r="Q3" s="154" t="s">
        <v>693</v>
      </c>
    </row>
    <row r="4" spans="1:21" ht="24" customHeight="1">
      <c r="A4" s="129" t="s">
        <v>303</v>
      </c>
      <c r="B4" s="460" t="s">
        <v>303</v>
      </c>
      <c r="C4" s="130"/>
      <c r="D4" s="140"/>
      <c r="E4" s="130"/>
      <c r="F4" s="178"/>
      <c r="G4" s="105"/>
    </row>
    <row r="5" spans="1:21" ht="21" customHeight="1">
      <c r="A5" s="49" t="s">
        <v>224</v>
      </c>
      <c r="B5" s="51" t="s">
        <v>224</v>
      </c>
      <c r="C5" s="52"/>
      <c r="D5" s="137"/>
      <c r="E5" s="52"/>
      <c r="F5" s="181"/>
      <c r="G5" s="105"/>
      <c r="H5" s="546" t="s">
        <v>685</v>
      </c>
      <c r="I5" s="546" t="s">
        <v>686</v>
      </c>
      <c r="J5" s="546" t="s">
        <v>687</v>
      </c>
      <c r="K5" s="546" t="s">
        <v>688</v>
      </c>
      <c r="L5" s="546" t="s">
        <v>2116</v>
      </c>
      <c r="M5" s="546" t="s">
        <v>2117</v>
      </c>
      <c r="N5" s="546" t="s">
        <v>690</v>
      </c>
      <c r="O5" s="546" t="s">
        <v>691</v>
      </c>
      <c r="P5" s="546" t="s">
        <v>692</v>
      </c>
      <c r="Q5" s="546" t="s">
        <v>693</v>
      </c>
    </row>
    <row r="6" spans="1:21" s="33" customFormat="1" ht="51.6" customHeight="1">
      <c r="A6" s="173" t="s">
        <v>2094</v>
      </c>
      <c r="B6" s="173" t="s">
        <v>2095</v>
      </c>
      <c r="C6" s="215"/>
      <c r="D6" s="210" t="s">
        <v>2120</v>
      </c>
      <c r="E6" s="100">
        <v>13900</v>
      </c>
      <c r="F6" s="413"/>
      <c r="G6" s="105"/>
      <c r="H6" s="543" t="s">
        <v>500</v>
      </c>
      <c r="I6" s="544">
        <v>1</v>
      </c>
      <c r="J6" s="544">
        <v>4</v>
      </c>
      <c r="K6" s="544" t="s">
        <v>509</v>
      </c>
      <c r="L6" s="547" t="s">
        <v>2115</v>
      </c>
      <c r="M6" s="547">
        <v>4</v>
      </c>
      <c r="N6" s="544">
        <v>1</v>
      </c>
      <c r="O6" s="544" t="s">
        <v>486</v>
      </c>
      <c r="P6" s="544" t="s">
        <v>492</v>
      </c>
      <c r="Q6" s="548" t="s">
        <v>497</v>
      </c>
      <c r="R6" s="205"/>
      <c r="S6" s="205"/>
      <c r="T6" s="205"/>
      <c r="U6" s="205"/>
    </row>
    <row r="7" spans="1:21" s="33" customFormat="1" ht="51.6" customHeight="1">
      <c r="A7" s="173" t="s">
        <v>2104</v>
      </c>
      <c r="B7" s="431" t="s">
        <v>2106</v>
      </c>
      <c r="C7" s="215"/>
      <c r="D7" s="210" t="s">
        <v>2122</v>
      </c>
      <c r="E7" s="100">
        <v>8900</v>
      </c>
      <c r="F7" s="413"/>
      <c r="G7" s="105"/>
      <c r="H7" s="543" t="s">
        <v>495</v>
      </c>
      <c r="I7" s="544">
        <v>1</v>
      </c>
      <c r="J7" s="544">
        <v>4</v>
      </c>
      <c r="K7" s="544" t="s">
        <v>507</v>
      </c>
      <c r="L7" s="547" t="s">
        <v>2115</v>
      </c>
      <c r="M7" s="547" t="s">
        <v>492</v>
      </c>
      <c r="N7" s="544">
        <v>1</v>
      </c>
      <c r="O7" s="544" t="s">
        <v>486</v>
      </c>
      <c r="P7" s="544" t="s">
        <v>492</v>
      </c>
      <c r="Q7" s="548" t="s">
        <v>497</v>
      </c>
      <c r="R7" s="205"/>
      <c r="S7" s="205"/>
      <c r="T7" s="205"/>
      <c r="U7" s="205"/>
    </row>
    <row r="8" spans="1:21" s="33" customFormat="1" ht="51.6" customHeight="1">
      <c r="A8" s="431" t="s">
        <v>2105</v>
      </c>
      <c r="B8" s="431" t="s">
        <v>2107</v>
      </c>
      <c r="C8" s="107"/>
      <c r="D8" s="210" t="s">
        <v>2121</v>
      </c>
      <c r="E8" s="100">
        <v>14400</v>
      </c>
      <c r="F8" s="413"/>
      <c r="G8" s="105"/>
      <c r="H8" s="543" t="s">
        <v>498</v>
      </c>
      <c r="I8" s="544">
        <v>1</v>
      </c>
      <c r="J8" s="544">
        <v>4</v>
      </c>
      <c r="K8" s="544" t="s">
        <v>509</v>
      </c>
      <c r="L8" s="547" t="s">
        <v>2115</v>
      </c>
      <c r="M8" s="547">
        <v>4</v>
      </c>
      <c r="N8" s="544">
        <v>1</v>
      </c>
      <c r="O8" s="544" t="s">
        <v>486</v>
      </c>
      <c r="P8" s="544" t="s">
        <v>492</v>
      </c>
      <c r="Q8" s="548" t="s">
        <v>499</v>
      </c>
      <c r="R8" s="205"/>
      <c r="S8" s="205"/>
      <c r="T8" s="205"/>
      <c r="U8" s="205"/>
    </row>
    <row r="9" spans="1:21" s="33" customFormat="1" ht="51.6" customHeight="1">
      <c r="A9" s="173" t="s">
        <v>2078</v>
      </c>
      <c r="B9" s="173" t="s">
        <v>2080</v>
      </c>
      <c r="C9" s="172"/>
      <c r="D9" s="443" t="s">
        <v>2134</v>
      </c>
      <c r="E9" s="100">
        <v>7900</v>
      </c>
      <c r="F9" s="418"/>
      <c r="G9" s="105"/>
      <c r="H9" s="543"/>
      <c r="I9" s="544"/>
      <c r="J9" s="544"/>
      <c r="K9" s="544"/>
      <c r="L9" s="547"/>
      <c r="M9" s="547"/>
      <c r="N9" s="544"/>
      <c r="O9" s="544"/>
      <c r="P9" s="544"/>
      <c r="Q9" s="548"/>
      <c r="R9" s="205"/>
      <c r="S9" s="205"/>
      <c r="T9" s="205"/>
      <c r="U9" s="205"/>
    </row>
    <row r="10" spans="1:21" s="33" customFormat="1" ht="51.6" customHeight="1">
      <c r="A10" s="173" t="s">
        <v>2079</v>
      </c>
      <c r="B10" s="173" t="s">
        <v>2081</v>
      </c>
      <c r="C10" s="107"/>
      <c r="D10" s="443" t="s">
        <v>2128</v>
      </c>
      <c r="E10" s="100">
        <v>11600</v>
      </c>
      <c r="F10" s="418"/>
      <c r="G10" s="105"/>
      <c r="H10" s="543"/>
      <c r="I10" s="544"/>
      <c r="J10" s="544"/>
      <c r="K10" s="544"/>
      <c r="L10" s="547"/>
      <c r="M10" s="547"/>
      <c r="N10" s="544"/>
      <c r="O10" s="544"/>
      <c r="P10" s="544"/>
      <c r="Q10" s="548"/>
      <c r="R10" s="205"/>
      <c r="S10" s="205"/>
      <c r="T10" s="205"/>
      <c r="U10" s="205"/>
    </row>
    <row r="11" spans="1:21" s="33" customFormat="1" ht="62.45" customHeight="1">
      <c r="A11" s="206" t="s">
        <v>2082</v>
      </c>
      <c r="B11" s="207" t="s">
        <v>2088</v>
      </c>
      <c r="C11" s="457"/>
      <c r="D11" s="443" t="s">
        <v>2135</v>
      </c>
      <c r="E11" s="100">
        <v>11100</v>
      </c>
      <c r="F11" s="418"/>
      <c r="G11" s="105"/>
      <c r="H11" s="543"/>
      <c r="I11" s="544"/>
      <c r="J11" s="544"/>
      <c r="K11" s="544"/>
      <c r="L11" s="547"/>
      <c r="M11" s="547"/>
      <c r="N11" s="544"/>
      <c r="O11" s="544"/>
      <c r="P11" s="544"/>
      <c r="Q11" s="548"/>
      <c r="R11" s="205"/>
      <c r="S11" s="205"/>
      <c r="T11" s="205"/>
      <c r="U11" s="205"/>
    </row>
    <row r="12" spans="1:21" ht="24" customHeight="1">
      <c r="A12" s="50" t="s">
        <v>309</v>
      </c>
      <c r="B12" s="51" t="s">
        <v>309</v>
      </c>
      <c r="C12" s="51"/>
      <c r="D12" s="141"/>
      <c r="E12" s="52"/>
      <c r="F12" s="181"/>
      <c r="G12" s="105"/>
      <c r="H12" s="543"/>
      <c r="I12" s="544"/>
      <c r="J12" s="544"/>
      <c r="K12" s="544"/>
      <c r="L12" s="547"/>
      <c r="M12" s="547"/>
      <c r="N12" s="544"/>
      <c r="O12" s="544"/>
      <c r="P12" s="544"/>
      <c r="Q12" s="548"/>
      <c r="R12" s="205"/>
      <c r="S12" s="205"/>
      <c r="T12" s="205"/>
      <c r="U12" s="205"/>
    </row>
    <row r="13" spans="1:21" s="33" customFormat="1" ht="51.6" customHeight="1">
      <c r="A13" s="173" t="s">
        <v>2096</v>
      </c>
      <c r="B13" s="173" t="s">
        <v>2097</v>
      </c>
      <c r="C13" s="215"/>
      <c r="D13" s="210" t="s">
        <v>2125</v>
      </c>
      <c r="E13" s="100">
        <v>19300</v>
      </c>
      <c r="F13" s="413"/>
      <c r="G13" s="105"/>
      <c r="H13" s="543" t="s">
        <v>505</v>
      </c>
      <c r="I13" s="544">
        <v>1</v>
      </c>
      <c r="J13" s="544">
        <v>8</v>
      </c>
      <c r="K13" s="544" t="s">
        <v>509</v>
      </c>
      <c r="L13" s="547" t="s">
        <v>2115</v>
      </c>
      <c r="M13" s="547">
        <v>8</v>
      </c>
      <c r="N13" s="544">
        <v>1</v>
      </c>
      <c r="O13" s="544" t="s">
        <v>486</v>
      </c>
      <c r="P13" s="544" t="s">
        <v>492</v>
      </c>
      <c r="Q13" s="548" t="s">
        <v>497</v>
      </c>
      <c r="R13" s="205"/>
      <c r="S13" s="205"/>
      <c r="T13" s="205"/>
      <c r="U13" s="205"/>
    </row>
    <row r="14" spans="1:21" s="33" customFormat="1" ht="51.6" customHeight="1">
      <c r="A14" s="173" t="s">
        <v>2102</v>
      </c>
      <c r="B14" s="431" t="s">
        <v>2108</v>
      </c>
      <c r="C14" s="215"/>
      <c r="D14" s="210" t="s">
        <v>2123</v>
      </c>
      <c r="E14" s="100">
        <v>10400</v>
      </c>
      <c r="F14" s="413"/>
      <c r="G14" s="105"/>
      <c r="H14" s="543" t="s">
        <v>502</v>
      </c>
      <c r="I14" s="544">
        <v>1</v>
      </c>
      <c r="J14" s="544">
        <v>8</v>
      </c>
      <c r="K14" s="544" t="s">
        <v>507</v>
      </c>
      <c r="L14" s="547" t="s">
        <v>2115</v>
      </c>
      <c r="M14" s="547" t="s">
        <v>492</v>
      </c>
      <c r="N14" s="544">
        <v>1</v>
      </c>
      <c r="O14" s="544" t="s">
        <v>486</v>
      </c>
      <c r="P14" s="544" t="s">
        <v>492</v>
      </c>
      <c r="Q14" s="548" t="s">
        <v>497</v>
      </c>
      <c r="R14" s="205"/>
      <c r="S14" s="205"/>
      <c r="T14" s="205"/>
      <c r="U14" s="205"/>
    </row>
    <row r="15" spans="1:21" s="33" customFormat="1" ht="51.6" customHeight="1">
      <c r="A15" s="173" t="s">
        <v>2103</v>
      </c>
      <c r="B15" s="431" t="s">
        <v>2109</v>
      </c>
      <c r="C15" s="107"/>
      <c r="D15" s="210" t="s">
        <v>2126</v>
      </c>
      <c r="E15" s="100">
        <v>19800</v>
      </c>
      <c r="F15" s="413"/>
      <c r="G15" s="105"/>
      <c r="H15" s="543" t="s">
        <v>504</v>
      </c>
      <c r="I15" s="544">
        <v>1</v>
      </c>
      <c r="J15" s="544">
        <v>8</v>
      </c>
      <c r="K15" s="544" t="s">
        <v>509</v>
      </c>
      <c r="L15" s="547" t="s">
        <v>2115</v>
      </c>
      <c r="M15" s="547">
        <v>8</v>
      </c>
      <c r="N15" s="544">
        <v>1</v>
      </c>
      <c r="O15" s="544" t="s">
        <v>486</v>
      </c>
      <c r="P15" s="544" t="s">
        <v>492</v>
      </c>
      <c r="Q15" s="548" t="s">
        <v>499</v>
      </c>
      <c r="R15" s="205"/>
      <c r="S15" s="205"/>
      <c r="T15" s="205"/>
      <c r="U15" s="205"/>
    </row>
    <row r="16" spans="1:21" s="33" customFormat="1" ht="62.1" customHeight="1">
      <c r="A16" s="173" t="s">
        <v>2083</v>
      </c>
      <c r="B16" s="207" t="s">
        <v>2089</v>
      </c>
      <c r="C16" s="55"/>
      <c r="D16" s="443" t="s">
        <v>2129</v>
      </c>
      <c r="E16" s="100">
        <v>16600</v>
      </c>
      <c r="F16" s="418"/>
      <c r="G16" s="105"/>
      <c r="H16" s="543"/>
      <c r="I16" s="544"/>
      <c r="J16" s="544"/>
      <c r="K16" s="544"/>
      <c r="L16" s="547"/>
      <c r="M16" s="547"/>
      <c r="N16" s="544"/>
      <c r="O16" s="544"/>
      <c r="P16" s="544"/>
      <c r="Q16" s="548"/>
      <c r="R16" s="205"/>
      <c r="S16" s="205"/>
      <c r="T16" s="205"/>
      <c r="U16" s="205"/>
    </row>
    <row r="17" spans="1:21" s="33" customFormat="1" ht="62.1" customHeight="1">
      <c r="A17" s="173" t="s">
        <v>562</v>
      </c>
      <c r="B17" s="371" t="s">
        <v>1554</v>
      </c>
      <c r="C17" s="56"/>
      <c r="D17" s="210" t="s">
        <v>742</v>
      </c>
      <c r="E17" s="100">
        <v>19500</v>
      </c>
      <c r="F17" s="413"/>
      <c r="G17" s="105"/>
      <c r="H17" s="543" t="s">
        <v>501</v>
      </c>
      <c r="I17" s="544">
        <v>1</v>
      </c>
      <c r="J17" s="544">
        <v>8</v>
      </c>
      <c r="K17" s="544" t="s">
        <v>509</v>
      </c>
      <c r="L17" s="547" t="s">
        <v>2113</v>
      </c>
      <c r="M17" s="547">
        <v>8</v>
      </c>
      <c r="N17" s="544">
        <v>1</v>
      </c>
      <c r="O17" s="544" t="s">
        <v>486</v>
      </c>
      <c r="P17" s="544" t="s">
        <v>492</v>
      </c>
      <c r="Q17" s="548" t="s">
        <v>497</v>
      </c>
      <c r="R17" s="205"/>
      <c r="S17" s="205"/>
      <c r="T17" s="205"/>
      <c r="U17" s="205"/>
    </row>
    <row r="18" spans="1:21" s="33" customFormat="1" ht="62.1" customHeight="1">
      <c r="A18" s="173" t="s">
        <v>2084</v>
      </c>
      <c r="B18" s="207" t="s">
        <v>2090</v>
      </c>
      <c r="C18" s="55"/>
      <c r="D18" s="443" t="s">
        <v>2130</v>
      </c>
      <c r="E18" s="100">
        <v>8900</v>
      </c>
      <c r="F18" s="418"/>
      <c r="G18" s="105"/>
      <c r="H18" s="543"/>
      <c r="I18" s="544"/>
      <c r="J18" s="544"/>
      <c r="K18" s="544"/>
      <c r="L18" s="547"/>
      <c r="M18" s="547"/>
      <c r="N18" s="544"/>
      <c r="O18" s="544"/>
      <c r="P18" s="544"/>
      <c r="Q18" s="548"/>
      <c r="R18" s="205"/>
      <c r="S18" s="205"/>
      <c r="T18" s="205"/>
      <c r="U18" s="205"/>
    </row>
    <row r="19" spans="1:21" s="33" customFormat="1" ht="62.1" customHeight="1">
      <c r="A19" s="204" t="s">
        <v>2085</v>
      </c>
      <c r="B19" s="207" t="s">
        <v>2091</v>
      </c>
      <c r="C19" s="55"/>
      <c r="D19" s="210" t="s">
        <v>2131</v>
      </c>
      <c r="E19" s="100">
        <v>17800</v>
      </c>
      <c r="F19" s="418"/>
      <c r="G19" s="105"/>
      <c r="H19" s="543"/>
      <c r="I19" s="544"/>
      <c r="J19" s="544"/>
      <c r="K19" s="544"/>
      <c r="L19" s="547"/>
      <c r="M19" s="547"/>
      <c r="N19" s="544"/>
      <c r="O19" s="544"/>
      <c r="P19" s="544"/>
      <c r="Q19" s="548"/>
      <c r="R19" s="205"/>
      <c r="S19" s="205"/>
      <c r="T19" s="205"/>
      <c r="U19" s="205"/>
    </row>
    <row r="20" spans="1:21" s="33" customFormat="1" ht="62.1" customHeight="1">
      <c r="A20" s="456" t="s">
        <v>1473</v>
      </c>
      <c r="B20" s="371" t="s">
        <v>1557</v>
      </c>
      <c r="C20" s="362"/>
      <c r="D20" s="210" t="s">
        <v>1479</v>
      </c>
      <c r="E20" s="100">
        <v>12400</v>
      </c>
      <c r="F20" s="413"/>
      <c r="G20" s="105"/>
      <c r="H20" s="543" t="s">
        <v>502</v>
      </c>
      <c r="I20" s="544">
        <v>1</v>
      </c>
      <c r="J20" s="544">
        <v>8</v>
      </c>
      <c r="K20" s="544" t="s">
        <v>507</v>
      </c>
      <c r="L20" s="547" t="s">
        <v>2113</v>
      </c>
      <c r="M20" s="547" t="s">
        <v>492</v>
      </c>
      <c r="N20" s="544">
        <v>1</v>
      </c>
      <c r="O20" s="544" t="s">
        <v>486</v>
      </c>
      <c r="P20" s="544" t="s">
        <v>492</v>
      </c>
      <c r="Q20" s="548" t="s">
        <v>497</v>
      </c>
      <c r="R20" s="205"/>
      <c r="S20" s="205"/>
      <c r="T20" s="205"/>
      <c r="U20" s="205"/>
    </row>
    <row r="21" spans="1:21" s="33" customFormat="1" ht="62.1" customHeight="1">
      <c r="A21" s="204" t="s">
        <v>565</v>
      </c>
      <c r="B21" s="371" t="s">
        <v>1558</v>
      </c>
      <c r="C21" s="55"/>
      <c r="D21" s="210" t="s">
        <v>1476</v>
      </c>
      <c r="E21" s="100">
        <v>20800</v>
      </c>
      <c r="F21" s="413"/>
      <c r="G21" s="105"/>
      <c r="H21" s="543" t="s">
        <v>501</v>
      </c>
      <c r="I21" s="544">
        <v>1</v>
      </c>
      <c r="J21" s="544">
        <v>8</v>
      </c>
      <c r="K21" s="544" t="s">
        <v>509</v>
      </c>
      <c r="L21" s="547" t="s">
        <v>2113</v>
      </c>
      <c r="M21" s="547">
        <v>8</v>
      </c>
      <c r="N21" s="544">
        <v>1</v>
      </c>
      <c r="O21" s="544" t="s">
        <v>486</v>
      </c>
      <c r="P21" s="544" t="s">
        <v>492</v>
      </c>
      <c r="Q21" s="548" t="s">
        <v>497</v>
      </c>
      <c r="R21" s="205"/>
      <c r="S21" s="205"/>
      <c r="T21" s="205"/>
      <c r="U21" s="205"/>
    </row>
    <row r="22" spans="1:21" s="33" customFormat="1" ht="62.1" customHeight="1">
      <c r="A22" s="106" t="s">
        <v>1472</v>
      </c>
      <c r="B22" s="371" t="s">
        <v>1559</v>
      </c>
      <c r="C22" s="55"/>
      <c r="D22" s="366" t="s">
        <v>1480</v>
      </c>
      <c r="E22" s="100">
        <v>29100</v>
      </c>
      <c r="F22" s="413"/>
      <c r="G22" s="105"/>
      <c r="H22" s="543" t="s">
        <v>506</v>
      </c>
      <c r="I22" s="544">
        <v>2</v>
      </c>
      <c r="J22" s="544">
        <v>8</v>
      </c>
      <c r="K22" s="544" t="s">
        <v>512</v>
      </c>
      <c r="L22" s="547" t="s">
        <v>2113</v>
      </c>
      <c r="M22" s="547">
        <v>8</v>
      </c>
      <c r="N22" s="544">
        <v>1</v>
      </c>
      <c r="O22" s="544" t="s">
        <v>486</v>
      </c>
      <c r="P22" s="544" t="s">
        <v>492</v>
      </c>
      <c r="Q22" s="548" t="s">
        <v>499</v>
      </c>
      <c r="R22" s="205"/>
      <c r="S22" s="205"/>
      <c r="T22" s="205"/>
      <c r="U22" s="205"/>
    </row>
    <row r="23" spans="1:21" s="33" customFormat="1" ht="56.25" customHeight="1">
      <c r="A23" s="106" t="s">
        <v>2086</v>
      </c>
      <c r="B23" s="558" t="s">
        <v>2092</v>
      </c>
      <c r="C23" s="55"/>
      <c r="D23" s="444" t="s">
        <v>2132</v>
      </c>
      <c r="E23" s="559">
        <v>18800</v>
      </c>
      <c r="F23" s="555"/>
      <c r="G23" s="105"/>
      <c r="H23" s="543"/>
      <c r="I23" s="544"/>
      <c r="J23" s="544"/>
      <c r="K23" s="544"/>
      <c r="L23" s="547"/>
      <c r="M23" s="547"/>
      <c r="N23" s="544"/>
      <c r="O23" s="544"/>
      <c r="P23" s="544"/>
      <c r="Q23" s="548"/>
      <c r="R23" s="205"/>
      <c r="S23" s="205"/>
      <c r="T23" s="205"/>
      <c r="U23" s="205"/>
    </row>
    <row r="24" spans="1:21" ht="22.15" customHeight="1">
      <c r="A24" s="50" t="s">
        <v>307</v>
      </c>
      <c r="B24" s="551" t="s">
        <v>307</v>
      </c>
      <c r="C24" s="552"/>
      <c r="D24" s="553"/>
      <c r="E24" s="552"/>
      <c r="F24" s="560"/>
      <c r="G24" s="105"/>
      <c r="H24" s="543"/>
      <c r="I24" s="544"/>
      <c r="J24" s="544"/>
      <c r="K24" s="544"/>
      <c r="L24" s="547"/>
      <c r="M24" s="547"/>
      <c r="N24" s="544"/>
      <c r="O24" s="544"/>
      <c r="P24" s="544"/>
      <c r="Q24" s="548"/>
      <c r="R24" s="205"/>
      <c r="S24" s="205"/>
      <c r="T24" s="205"/>
      <c r="U24" s="205"/>
    </row>
    <row r="25" spans="1:21" s="33" customFormat="1" ht="70.5" customHeight="1">
      <c r="A25" s="173" t="s">
        <v>2180</v>
      </c>
      <c r="B25" s="173" t="s">
        <v>2181</v>
      </c>
      <c r="C25" s="144"/>
      <c r="D25" s="210" t="s">
        <v>2225</v>
      </c>
      <c r="E25" s="126">
        <v>17600</v>
      </c>
      <c r="F25" s="368" t="s">
        <v>1491</v>
      </c>
      <c r="G25" s="105"/>
      <c r="H25" s="543" t="s">
        <v>2118</v>
      </c>
      <c r="I25" s="544">
        <v>1</v>
      </c>
      <c r="J25" s="544">
        <v>16</v>
      </c>
      <c r="K25" s="544" t="s">
        <v>507</v>
      </c>
      <c r="L25" s="547" t="s">
        <v>2182</v>
      </c>
      <c r="M25" s="547">
        <v>8</v>
      </c>
      <c r="N25" s="544">
        <v>1</v>
      </c>
      <c r="O25" s="544" t="s">
        <v>750</v>
      </c>
      <c r="P25" s="544" t="s">
        <v>492</v>
      </c>
      <c r="Q25" s="548" t="s">
        <v>497</v>
      </c>
      <c r="R25" s="205"/>
      <c r="S25" s="205"/>
      <c r="T25" s="205"/>
      <c r="U25" s="205"/>
    </row>
    <row r="26" spans="1:21" s="33" customFormat="1" ht="51.6" customHeight="1">
      <c r="A26" s="173" t="s">
        <v>2098</v>
      </c>
      <c r="B26" s="173" t="s">
        <v>2099</v>
      </c>
      <c r="C26" s="144"/>
      <c r="D26" s="210" t="s">
        <v>2127</v>
      </c>
      <c r="E26" s="126">
        <v>20300</v>
      </c>
      <c r="F26" s="413"/>
      <c r="G26" s="105"/>
      <c r="H26" s="543" t="s">
        <v>510</v>
      </c>
      <c r="I26" s="544">
        <v>1</v>
      </c>
      <c r="J26" s="544">
        <v>16</v>
      </c>
      <c r="K26" s="544" t="s">
        <v>509</v>
      </c>
      <c r="L26" s="547" t="s">
        <v>2115</v>
      </c>
      <c r="M26" s="547">
        <v>8</v>
      </c>
      <c r="N26" s="544">
        <v>1</v>
      </c>
      <c r="O26" s="544" t="s">
        <v>486</v>
      </c>
      <c r="P26" s="544" t="s">
        <v>492</v>
      </c>
      <c r="Q26" s="548" t="s">
        <v>497</v>
      </c>
      <c r="R26" s="205"/>
      <c r="S26" s="205"/>
      <c r="T26" s="205"/>
      <c r="U26" s="205"/>
    </row>
    <row r="27" spans="1:21" s="33" customFormat="1" ht="51.6" customHeight="1">
      <c r="A27" s="173" t="s">
        <v>2100</v>
      </c>
      <c r="B27" s="173" t="s">
        <v>2101</v>
      </c>
      <c r="C27" s="144"/>
      <c r="D27" s="210" t="s">
        <v>2124</v>
      </c>
      <c r="E27" s="126">
        <v>11900</v>
      </c>
      <c r="F27" s="413"/>
      <c r="G27" s="105"/>
      <c r="H27" s="543" t="s">
        <v>511</v>
      </c>
      <c r="I27" s="544">
        <v>1</v>
      </c>
      <c r="J27" s="544">
        <v>16</v>
      </c>
      <c r="K27" s="544" t="s">
        <v>507</v>
      </c>
      <c r="L27" s="547" t="s">
        <v>2115</v>
      </c>
      <c r="M27" s="547" t="s">
        <v>492</v>
      </c>
      <c r="N27" s="544">
        <v>1</v>
      </c>
      <c r="O27" s="544" t="s">
        <v>486</v>
      </c>
      <c r="P27" s="544" t="s">
        <v>492</v>
      </c>
      <c r="Q27" s="548" t="s">
        <v>497</v>
      </c>
      <c r="R27" s="205"/>
      <c r="S27" s="205"/>
      <c r="T27" s="205"/>
      <c r="U27" s="205"/>
    </row>
    <row r="28" spans="1:21" s="33" customFormat="1" ht="51.6" customHeight="1">
      <c r="A28" s="174" t="s">
        <v>2183</v>
      </c>
      <c r="B28" s="431" t="s">
        <v>2184</v>
      </c>
      <c r="C28" s="215"/>
      <c r="D28" s="210" t="s">
        <v>2226</v>
      </c>
      <c r="E28" s="126">
        <v>9700</v>
      </c>
      <c r="F28" s="368" t="s">
        <v>1491</v>
      </c>
      <c r="G28" s="105"/>
      <c r="H28" s="543" t="s">
        <v>2185</v>
      </c>
      <c r="I28" s="544">
        <v>1</v>
      </c>
      <c r="J28" s="544">
        <v>16</v>
      </c>
      <c r="K28" s="544" t="s">
        <v>507</v>
      </c>
      <c r="L28" s="547" t="s">
        <v>2186</v>
      </c>
      <c r="M28" s="547" t="s">
        <v>492</v>
      </c>
      <c r="N28" s="544">
        <v>1</v>
      </c>
      <c r="O28" s="544" t="s">
        <v>750</v>
      </c>
      <c r="P28" s="544" t="s">
        <v>492</v>
      </c>
      <c r="Q28" s="548" t="s">
        <v>497</v>
      </c>
      <c r="R28" s="205"/>
      <c r="S28" s="205"/>
      <c r="T28" s="205"/>
      <c r="U28" s="205"/>
    </row>
    <row r="29" spans="1:21" s="33" customFormat="1" ht="62.1" customHeight="1">
      <c r="A29" s="106" t="s">
        <v>2087</v>
      </c>
      <c r="B29" s="427" t="s">
        <v>2093</v>
      </c>
      <c r="C29" s="454"/>
      <c r="D29" s="444" t="s">
        <v>2133</v>
      </c>
      <c r="E29" s="404">
        <v>21300</v>
      </c>
      <c r="F29" s="413"/>
      <c r="G29" s="105"/>
      <c r="H29" s="543" t="s">
        <v>2227</v>
      </c>
      <c r="I29" s="544">
        <v>2</v>
      </c>
      <c r="J29" s="544">
        <v>16</v>
      </c>
      <c r="K29" s="544" t="s">
        <v>512</v>
      </c>
      <c r="L29" s="547" t="s">
        <v>2113</v>
      </c>
      <c r="M29" s="547" t="s">
        <v>492</v>
      </c>
      <c r="N29" s="544">
        <v>1</v>
      </c>
      <c r="O29" s="544" t="s">
        <v>486</v>
      </c>
      <c r="P29" s="544" t="s">
        <v>492</v>
      </c>
      <c r="Q29" s="548" t="s">
        <v>499</v>
      </c>
      <c r="R29" s="205"/>
      <c r="S29" s="205"/>
      <c r="T29" s="205"/>
      <c r="U29" s="205"/>
    </row>
    <row r="30" spans="1:21" s="33" customFormat="1" ht="62.1" customHeight="1">
      <c r="A30" s="106" t="s">
        <v>1474</v>
      </c>
      <c r="B30" s="428" t="s">
        <v>1564</v>
      </c>
      <c r="C30" s="430"/>
      <c r="D30" s="367" t="s">
        <v>1477</v>
      </c>
      <c r="E30" s="100">
        <v>39000</v>
      </c>
      <c r="F30" s="413"/>
      <c r="G30" s="105"/>
      <c r="H30" s="543" t="s">
        <v>508</v>
      </c>
      <c r="I30" s="544">
        <v>2</v>
      </c>
      <c r="J30" s="544">
        <v>16</v>
      </c>
      <c r="K30" s="544" t="s">
        <v>512</v>
      </c>
      <c r="L30" s="547" t="s">
        <v>2113</v>
      </c>
      <c r="M30" s="547">
        <v>16</v>
      </c>
      <c r="N30" s="544">
        <v>1</v>
      </c>
      <c r="O30" s="544" t="s">
        <v>486</v>
      </c>
      <c r="P30" s="544" t="s">
        <v>492</v>
      </c>
      <c r="Q30" s="548" t="s">
        <v>499</v>
      </c>
      <c r="R30" s="205"/>
      <c r="S30" s="205"/>
      <c r="T30" s="205"/>
      <c r="U30" s="205"/>
    </row>
    <row r="31" spans="1:21" s="14" customFormat="1" ht="62.1" customHeight="1">
      <c r="A31" s="174" t="s">
        <v>1577</v>
      </c>
      <c r="B31" s="207" t="s">
        <v>1578</v>
      </c>
      <c r="C31" s="429"/>
      <c r="D31" s="138" t="s">
        <v>1579</v>
      </c>
      <c r="E31" s="100">
        <v>21000</v>
      </c>
      <c r="F31" s="413"/>
      <c r="G31" s="373"/>
      <c r="H31" s="543" t="s">
        <v>2118</v>
      </c>
      <c r="I31" s="544">
        <v>1</v>
      </c>
      <c r="J31" s="544">
        <v>16</v>
      </c>
      <c r="K31" s="544" t="s">
        <v>509</v>
      </c>
      <c r="L31" s="547" t="s">
        <v>2113</v>
      </c>
      <c r="M31" s="547">
        <v>8</v>
      </c>
      <c r="N31" s="544">
        <v>1</v>
      </c>
      <c r="O31" s="544" t="s">
        <v>486</v>
      </c>
      <c r="P31" s="544" t="s">
        <v>492</v>
      </c>
      <c r="Q31" s="548" t="s">
        <v>497</v>
      </c>
      <c r="R31" s="374"/>
      <c r="S31" s="374"/>
      <c r="T31" s="374"/>
      <c r="U31" s="374"/>
    </row>
    <row r="32" spans="1:21" s="33" customFormat="1" ht="62.1" customHeight="1">
      <c r="A32" s="174" t="s">
        <v>1475</v>
      </c>
      <c r="B32" s="207" t="s">
        <v>1565</v>
      </c>
      <c r="C32" s="150"/>
      <c r="D32" s="211" t="s">
        <v>1478</v>
      </c>
      <c r="E32" s="100">
        <v>13900</v>
      </c>
      <c r="F32" s="413"/>
      <c r="G32" s="105"/>
      <c r="H32" s="543" t="s">
        <v>511</v>
      </c>
      <c r="I32" s="544">
        <v>1</v>
      </c>
      <c r="J32" s="544">
        <v>16</v>
      </c>
      <c r="K32" s="544" t="s">
        <v>507</v>
      </c>
      <c r="L32" s="547" t="s">
        <v>2113</v>
      </c>
      <c r="M32" s="547" t="s">
        <v>492</v>
      </c>
      <c r="N32" s="544">
        <v>1</v>
      </c>
      <c r="O32" s="544" t="s">
        <v>486</v>
      </c>
      <c r="P32" s="544" t="s">
        <v>492</v>
      </c>
      <c r="Q32" s="548" t="s">
        <v>497</v>
      </c>
      <c r="R32" s="205"/>
      <c r="S32" s="205"/>
      <c r="T32" s="205"/>
      <c r="U32" s="205"/>
    </row>
    <row r="33" spans="1:21" ht="26.1" customHeight="1">
      <c r="A33" s="50" t="s">
        <v>308</v>
      </c>
      <c r="B33" s="51" t="s">
        <v>308</v>
      </c>
      <c r="C33" s="51"/>
      <c r="D33" s="141"/>
      <c r="E33" s="52"/>
      <c r="F33" s="182"/>
      <c r="G33" s="105"/>
      <c r="H33" s="543"/>
      <c r="I33" s="544"/>
      <c r="J33" s="544"/>
      <c r="K33" s="544"/>
      <c r="L33" s="547"/>
      <c r="M33" s="547"/>
      <c r="N33" s="544"/>
      <c r="O33" s="544"/>
      <c r="P33" s="544"/>
      <c r="Q33" s="548"/>
      <c r="R33" s="205"/>
      <c r="S33" s="205"/>
      <c r="T33" s="205"/>
      <c r="U33" s="205"/>
    </row>
    <row r="34" spans="1:21" s="33" customFormat="1" ht="43.15" customHeight="1">
      <c r="A34" s="174" t="s">
        <v>399</v>
      </c>
      <c r="B34" s="371" t="s">
        <v>1566</v>
      </c>
      <c r="C34" s="414"/>
      <c r="D34" s="211" t="s">
        <v>743</v>
      </c>
      <c r="E34" s="100">
        <v>21300</v>
      </c>
      <c r="F34" s="413"/>
      <c r="G34" s="105"/>
      <c r="H34" s="543" t="s">
        <v>544</v>
      </c>
      <c r="I34" s="544">
        <v>2</v>
      </c>
      <c r="J34" s="544">
        <v>32</v>
      </c>
      <c r="K34" s="544" t="s">
        <v>512</v>
      </c>
      <c r="L34" s="547" t="s">
        <v>2113</v>
      </c>
      <c r="M34" s="547" t="s">
        <v>492</v>
      </c>
      <c r="N34" s="544">
        <v>2</v>
      </c>
      <c r="O34" s="544" t="s">
        <v>486</v>
      </c>
      <c r="P34" s="544" t="s">
        <v>492</v>
      </c>
      <c r="Q34" s="548" t="s">
        <v>499</v>
      </c>
      <c r="R34" s="205"/>
      <c r="S34" s="205"/>
      <c r="T34" s="205"/>
      <c r="U34" s="205"/>
    </row>
    <row r="35" spans="1:21" s="33" customFormat="1" ht="35.65" customHeight="1">
      <c r="A35" s="174" t="s">
        <v>400</v>
      </c>
      <c r="B35" s="371" t="s">
        <v>1567</v>
      </c>
      <c r="C35" s="432"/>
      <c r="D35" s="211" t="s">
        <v>744</v>
      </c>
      <c r="E35" s="100">
        <v>29600</v>
      </c>
      <c r="F35" s="413"/>
      <c r="G35" s="105"/>
      <c r="H35" s="543" t="s">
        <v>514</v>
      </c>
      <c r="I35" s="544">
        <v>4</v>
      </c>
      <c r="J35" s="544">
        <v>32</v>
      </c>
      <c r="K35" s="544" t="s">
        <v>512</v>
      </c>
      <c r="L35" s="547" t="s">
        <v>2113</v>
      </c>
      <c r="M35" s="547" t="s">
        <v>492</v>
      </c>
      <c r="N35" s="544">
        <v>2</v>
      </c>
      <c r="O35" s="544" t="s">
        <v>486</v>
      </c>
      <c r="P35" s="544" t="s">
        <v>492</v>
      </c>
      <c r="Q35" s="548" t="s">
        <v>499</v>
      </c>
      <c r="R35" s="205"/>
      <c r="S35" s="205"/>
      <c r="T35" s="205"/>
      <c r="U35" s="205"/>
    </row>
    <row r="36" spans="1:21" s="33" customFormat="1" ht="35.65" customHeight="1">
      <c r="A36" s="174" t="s">
        <v>2110</v>
      </c>
      <c r="B36" s="207" t="s">
        <v>2111</v>
      </c>
      <c r="C36" s="415"/>
      <c r="D36" s="211" t="s">
        <v>2119</v>
      </c>
      <c r="E36" s="100">
        <v>55300</v>
      </c>
      <c r="F36" s="413"/>
      <c r="G36" s="105"/>
      <c r="H36" s="543" t="s">
        <v>2112</v>
      </c>
      <c r="I36" s="544">
        <v>4</v>
      </c>
      <c r="J36" s="544">
        <v>32</v>
      </c>
      <c r="K36" s="544" t="s">
        <v>512</v>
      </c>
      <c r="L36" s="547" t="s">
        <v>2113</v>
      </c>
      <c r="M36" s="547">
        <v>16</v>
      </c>
      <c r="N36" s="544">
        <v>1</v>
      </c>
      <c r="O36" s="544" t="s">
        <v>486</v>
      </c>
      <c r="P36" s="544" t="s">
        <v>513</v>
      </c>
      <c r="Q36" s="548" t="s">
        <v>2114</v>
      </c>
      <c r="R36" s="205"/>
      <c r="S36" s="205"/>
      <c r="T36" s="205"/>
      <c r="U36" s="205"/>
    </row>
  </sheetData>
  <autoFilter ref="A3:Q36"/>
  <phoneticPr fontId="118" type="noConversion"/>
  <pageMargins left="0.70833333333333304" right="0.70833333333333304" top="0.74791666666666701" bottom="0.74791666666666701" header="0.31458333333333299" footer="0.31458333333333299"/>
  <pageSetup paperSize="9" scale="26" fitToHeight="0" orientation="landscape" r:id="rId1"/>
  <drawing r:id="rId2"/>
</worksheet>
</file>

<file path=xl/worksheets/sheet6.xml><?xml version="1.0" encoding="utf-8"?>
<worksheet xmlns="http://schemas.openxmlformats.org/spreadsheetml/2006/main" xmlns:r="http://schemas.openxmlformats.org/officeDocument/2006/relationships">
  <dimension ref="A1:P9"/>
  <sheetViews>
    <sheetView showGridLines="0" zoomScaleNormal="100" workbookViewId="0">
      <pane xSplit="1" ySplit="3" topLeftCell="B4" activePane="bottomRight" state="frozen"/>
      <selection activeCell="B40" sqref="B40"/>
      <selection pane="topRight" activeCell="B40" sqref="B40"/>
      <selection pane="bottomLeft" activeCell="B40" sqref="B40"/>
      <selection pane="bottomRight" activeCell="B3" sqref="B3"/>
    </sheetView>
  </sheetViews>
  <sheetFormatPr defaultColWidth="9" defaultRowHeight="15" outlineLevelCol="1"/>
  <cols>
    <col min="1" max="1" width="25.7109375" style="39" hidden="1" customWidth="1"/>
    <col min="2" max="2" width="27" style="39" customWidth="1"/>
    <col min="3" max="3" width="24.42578125" style="40" customWidth="1"/>
    <col min="4" max="4" width="46.7109375" style="41" customWidth="1" outlineLevel="1"/>
    <col min="5" max="5" width="11.7109375" style="39" customWidth="1"/>
    <col min="6" max="6" width="13.42578125" style="39" customWidth="1"/>
    <col min="7" max="7" width="1.42578125" style="39" customWidth="1"/>
    <col min="8" max="8" width="12.28515625" style="39" customWidth="1"/>
    <col min="9" max="11" width="9" style="39" outlineLevel="1"/>
    <col min="12" max="12" width="13" style="39" customWidth="1" outlineLevel="1"/>
    <col min="13" max="16" width="9" style="39" outlineLevel="1"/>
    <col min="17" max="16384" width="9" style="39"/>
  </cols>
  <sheetData>
    <row r="1" spans="1:16" s="34" customFormat="1" ht="15" customHeight="1">
      <c r="C1" s="159"/>
      <c r="D1" s="159"/>
      <c r="E1" s="59"/>
    </row>
    <row r="2" spans="1:16" s="34" customFormat="1" ht="11.1" customHeight="1">
      <c r="A2" s="35"/>
      <c r="B2" s="35"/>
      <c r="C2" s="161"/>
      <c r="D2" s="161"/>
      <c r="E2" s="112"/>
    </row>
    <row r="3" spans="1:16" s="37" customFormat="1" ht="20.45" customHeight="1">
      <c r="A3" s="36" t="s">
        <v>0</v>
      </c>
      <c r="B3" s="156" t="s">
        <v>0</v>
      </c>
      <c r="C3" s="36" t="s">
        <v>1</v>
      </c>
      <c r="D3" s="36" t="s">
        <v>2</v>
      </c>
      <c r="E3" s="157" t="s">
        <v>354</v>
      </c>
      <c r="F3" s="60" t="s">
        <v>136</v>
      </c>
      <c r="G3" s="104"/>
      <c r="H3" s="170" t="s">
        <v>685</v>
      </c>
      <c r="I3" s="170" t="s">
        <v>686</v>
      </c>
      <c r="J3" s="170" t="s">
        <v>687</v>
      </c>
      <c r="K3" s="170" t="s">
        <v>688</v>
      </c>
      <c r="L3" s="170" t="s">
        <v>689</v>
      </c>
      <c r="M3" s="170" t="s">
        <v>690</v>
      </c>
      <c r="N3" s="170" t="s">
        <v>691</v>
      </c>
      <c r="O3" s="170" t="s">
        <v>692</v>
      </c>
      <c r="P3" s="170" t="s">
        <v>693</v>
      </c>
    </row>
    <row r="4" spans="1:16" s="38" customFormat="1" ht="20.45" customHeight="1">
      <c r="A4" s="109" t="s">
        <v>243</v>
      </c>
      <c r="B4" s="109" t="s">
        <v>243</v>
      </c>
      <c r="C4" s="42"/>
      <c r="D4" s="43"/>
      <c r="E4" s="47"/>
      <c r="F4" s="102"/>
      <c r="G4" s="102"/>
    </row>
    <row r="5" spans="1:16" ht="71.650000000000006" customHeight="1">
      <c r="A5" s="175" t="s">
        <v>1867</v>
      </c>
      <c r="B5" s="207" t="s">
        <v>1868</v>
      </c>
      <c r="C5" s="144"/>
      <c r="D5" s="212" t="s">
        <v>1890</v>
      </c>
      <c r="E5" s="100">
        <v>8200</v>
      </c>
      <c r="F5" s="365"/>
      <c r="G5" s="111"/>
      <c r="H5" s="165" t="s">
        <v>1871</v>
      </c>
      <c r="I5" s="163">
        <v>1</v>
      </c>
      <c r="J5" s="164" t="s">
        <v>683</v>
      </c>
      <c r="K5" s="162" t="s">
        <v>503</v>
      </c>
      <c r="L5" s="165" t="s">
        <v>684</v>
      </c>
      <c r="M5" s="163">
        <v>1</v>
      </c>
      <c r="N5" s="164" t="s">
        <v>486</v>
      </c>
      <c r="O5" s="164" t="s">
        <v>492</v>
      </c>
      <c r="P5" s="164" t="s">
        <v>497</v>
      </c>
    </row>
    <row r="6" spans="1:16" s="38" customFormat="1" ht="20.45" customHeight="1">
      <c r="A6" s="109" t="s">
        <v>244</v>
      </c>
      <c r="B6" s="109" t="s">
        <v>244</v>
      </c>
      <c r="C6" s="42"/>
      <c r="D6" s="143"/>
      <c r="E6" s="47"/>
      <c r="F6" s="102"/>
      <c r="G6" s="102"/>
      <c r="H6" s="166"/>
    </row>
    <row r="7" spans="1:16" s="409" customFormat="1" ht="84.75" customHeight="1">
      <c r="A7" s="207" t="s">
        <v>1885</v>
      </c>
      <c r="B7" s="207" t="s">
        <v>1886</v>
      </c>
      <c r="C7" s="403"/>
      <c r="D7" s="212" t="s">
        <v>1892</v>
      </c>
      <c r="E7" s="404">
        <v>33300</v>
      </c>
      <c r="F7" s="422"/>
      <c r="G7" s="111"/>
      <c r="H7" s="405" t="s">
        <v>2179</v>
      </c>
      <c r="I7" s="406">
        <v>2</v>
      </c>
      <c r="J7" s="407" t="s">
        <v>694</v>
      </c>
      <c r="K7" s="408" t="s">
        <v>509</v>
      </c>
      <c r="L7" s="405" t="s">
        <v>695</v>
      </c>
      <c r="M7" s="406">
        <v>1</v>
      </c>
      <c r="N7" s="407" t="s">
        <v>496</v>
      </c>
      <c r="O7" s="407" t="s">
        <v>696</v>
      </c>
      <c r="P7" s="407" t="s">
        <v>497</v>
      </c>
    </row>
    <row r="8" spans="1:16" s="38" customFormat="1" ht="20.45" customHeight="1">
      <c r="A8" s="109" t="s">
        <v>245</v>
      </c>
      <c r="B8" s="109" t="s">
        <v>245</v>
      </c>
      <c r="C8" s="42"/>
      <c r="D8" s="143"/>
      <c r="E8" s="47"/>
      <c r="F8" s="102"/>
      <c r="G8" s="102"/>
      <c r="H8" s="166"/>
    </row>
    <row r="9" spans="1:16" s="409" customFormat="1" ht="91.7" customHeight="1">
      <c r="A9" s="207" t="s">
        <v>1887</v>
      </c>
      <c r="B9" s="207" t="s">
        <v>1888</v>
      </c>
      <c r="C9" s="403"/>
      <c r="D9" s="212" t="s">
        <v>1891</v>
      </c>
      <c r="E9" s="404">
        <v>34600</v>
      </c>
      <c r="F9" s="422"/>
      <c r="G9" s="111"/>
      <c r="H9" s="405" t="s">
        <v>2177</v>
      </c>
      <c r="I9" s="406">
        <v>2</v>
      </c>
      <c r="J9" s="407" t="s">
        <v>697</v>
      </c>
      <c r="K9" s="408" t="s">
        <v>1889</v>
      </c>
      <c r="L9" s="405" t="s">
        <v>2178</v>
      </c>
      <c r="M9" s="406">
        <v>1</v>
      </c>
      <c r="N9" s="407" t="s">
        <v>486</v>
      </c>
      <c r="O9" s="407" t="s">
        <v>496</v>
      </c>
      <c r="P9" s="407" t="s">
        <v>497</v>
      </c>
    </row>
  </sheetData>
  <autoFilter ref="A3:P9"/>
  <phoneticPr fontId="119" type="noConversion"/>
  <pageMargins left="0.69930555555555596" right="0.69930555555555596" top="0.75" bottom="0.75" header="0.3" footer="0.3"/>
  <pageSetup paperSize="9" orientation="portrait" r:id="rId1"/>
  <drawing r:id="rId2"/>
</worksheet>
</file>

<file path=xl/worksheets/sheet7.xml><?xml version="1.0" encoding="utf-8"?>
<worksheet xmlns="http://schemas.openxmlformats.org/spreadsheetml/2006/main" xmlns:r="http://schemas.openxmlformats.org/officeDocument/2006/relationships">
  <dimension ref="A1:G92"/>
  <sheetViews>
    <sheetView zoomScaleNormal="100" workbookViewId="0">
      <pane ySplit="1" topLeftCell="A2" activePane="bottomLeft" state="frozen"/>
      <selection activeCell="B40" sqref="B40"/>
      <selection pane="bottomLeft" activeCell="B40" sqref="B40"/>
    </sheetView>
  </sheetViews>
  <sheetFormatPr defaultColWidth="9" defaultRowHeight="15"/>
  <cols>
    <col min="1" max="1" width="1.7109375" customWidth="1"/>
    <col min="2" max="2" width="24.42578125" customWidth="1"/>
    <col min="3" max="3" width="21.42578125" customWidth="1"/>
    <col min="4" max="4" width="32" style="260" customWidth="1"/>
    <col min="5" max="5" width="9.42578125" style="261" bestFit="1" customWidth="1"/>
    <col min="7" max="7" width="13.28515625" bestFit="1" customWidth="1"/>
    <col min="9" max="9" width="11.7109375" customWidth="1"/>
  </cols>
  <sheetData>
    <row r="1" spans="1:7" s="219" customFormat="1">
      <c r="A1"/>
      <c r="B1" s="156" t="s">
        <v>0</v>
      </c>
      <c r="C1" s="410" t="s">
        <v>1</v>
      </c>
      <c r="D1" s="410" t="s">
        <v>2</v>
      </c>
      <c r="E1" s="157" t="s">
        <v>1925</v>
      </c>
      <c r="F1" s="118" t="s">
        <v>136</v>
      </c>
      <c r="G1" s="118" t="s">
        <v>760</v>
      </c>
    </row>
    <row r="2" spans="1:7" s="226" customFormat="1" ht="14.1" customHeight="1">
      <c r="A2" s="220"/>
      <c r="B2" s="221" t="s">
        <v>312</v>
      </c>
      <c r="C2" s="221"/>
      <c r="D2" s="222" t="s">
        <v>348</v>
      </c>
      <c r="E2" s="59"/>
      <c r="F2" s="224"/>
      <c r="G2" s="225"/>
    </row>
    <row r="3" spans="1:7" s="226" customFormat="1" ht="40.15" customHeight="1">
      <c r="A3" s="227"/>
      <c r="B3" s="228" t="s">
        <v>313</v>
      </c>
      <c r="C3" s="228"/>
      <c r="D3" s="229" t="s">
        <v>320</v>
      </c>
      <c r="E3" s="223">
        <v>33600</v>
      </c>
      <c r="F3" s="230"/>
      <c r="G3" s="225"/>
    </row>
    <row r="4" spans="1:7" s="232" customFormat="1" ht="14.1" customHeight="1">
      <c r="A4" s="231"/>
      <c r="B4" s="221" t="s">
        <v>1738</v>
      </c>
      <c r="C4" s="221"/>
      <c r="D4" s="231"/>
      <c r="E4" s="119"/>
      <c r="F4" s="224"/>
      <c r="G4" s="224"/>
    </row>
    <row r="5" spans="1:7" s="233" customFormat="1" ht="14.1" customHeight="1">
      <c r="A5" s="231"/>
      <c r="B5" s="229" t="s">
        <v>1737</v>
      </c>
      <c r="C5" s="229"/>
      <c r="D5" s="229" t="s">
        <v>762</v>
      </c>
      <c r="E5" s="223">
        <v>700</v>
      </c>
      <c r="F5" s="330"/>
      <c r="G5" s="225"/>
    </row>
    <row r="6" spans="1:7" s="232" customFormat="1" ht="14.1" customHeight="1">
      <c r="A6" s="234"/>
      <c r="B6" s="235" t="s">
        <v>319</v>
      </c>
      <c r="C6" s="235"/>
      <c r="D6" s="229" t="s">
        <v>761</v>
      </c>
      <c r="E6" s="223">
        <v>3000</v>
      </c>
      <c r="F6" s="224"/>
      <c r="G6" s="225"/>
    </row>
    <row r="7" spans="1:7" s="232" customFormat="1" ht="30.95" customHeight="1">
      <c r="A7" s="234"/>
      <c r="B7" s="235" t="s">
        <v>365</v>
      </c>
      <c r="C7" s="235"/>
      <c r="D7" s="229" t="s">
        <v>1739</v>
      </c>
      <c r="E7" s="223">
        <v>11200</v>
      </c>
      <c r="F7" s="224"/>
      <c r="G7" s="225"/>
    </row>
    <row r="8" spans="1:7" s="232" customFormat="1" ht="14.1" customHeight="1">
      <c r="A8" s="231"/>
      <c r="B8" s="237" t="s">
        <v>363</v>
      </c>
      <c r="C8" s="237"/>
      <c r="D8" s="229"/>
      <c r="F8" s="224"/>
      <c r="G8" s="225"/>
    </row>
    <row r="9" spans="1:7" s="232" customFormat="1" ht="42.6" customHeight="1">
      <c r="A9" s="234"/>
      <c r="B9" s="238" t="s">
        <v>24</v>
      </c>
      <c r="C9" s="239"/>
      <c r="D9" s="240" t="s">
        <v>413</v>
      </c>
      <c r="E9" s="223">
        <v>3000</v>
      </c>
      <c r="F9" s="224"/>
      <c r="G9" s="225"/>
    </row>
    <row r="10" spans="1:7" s="233" customFormat="1" ht="42.6" customHeight="1">
      <c r="A10" s="220"/>
      <c r="B10" s="238" t="s">
        <v>327</v>
      </c>
      <c r="C10" s="239"/>
      <c r="D10" s="241" t="s">
        <v>763</v>
      </c>
      <c r="E10" s="223">
        <v>5300</v>
      </c>
      <c r="F10" s="224"/>
      <c r="G10" s="225"/>
    </row>
    <row r="11" spans="1:7" s="233" customFormat="1" ht="42.6" customHeight="1">
      <c r="A11" s="220"/>
      <c r="B11" s="238" t="s">
        <v>328</v>
      </c>
      <c r="C11" s="239"/>
      <c r="D11" s="241" t="s">
        <v>764</v>
      </c>
      <c r="E11" s="223">
        <v>8300</v>
      </c>
      <c r="F11" s="224"/>
      <c r="G11" s="225"/>
    </row>
    <row r="12" spans="1:7" s="233" customFormat="1" ht="42.6" customHeight="1">
      <c r="A12" s="220"/>
      <c r="B12" s="238" t="s">
        <v>765</v>
      </c>
      <c r="C12"/>
      <c r="D12" s="242" t="s">
        <v>766</v>
      </c>
      <c r="E12" s="223">
        <v>7700</v>
      </c>
      <c r="F12" s="236"/>
      <c r="G12" s="225"/>
    </row>
    <row r="13" spans="1:7" s="233" customFormat="1" ht="42.6" customHeight="1">
      <c r="A13" s="220"/>
      <c r="B13" s="238" t="s">
        <v>767</v>
      </c>
      <c r="C13" s="144"/>
      <c r="D13" s="242" t="s">
        <v>768</v>
      </c>
      <c r="E13" s="223">
        <v>10600</v>
      </c>
      <c r="F13" s="236"/>
      <c r="G13" s="225"/>
    </row>
    <row r="14" spans="1:7" s="233" customFormat="1" ht="42.6" customHeight="1">
      <c r="A14" s="220"/>
      <c r="B14" s="238" t="s">
        <v>769</v>
      </c>
      <c r="C14" s="239"/>
      <c r="D14" s="243" t="s">
        <v>770</v>
      </c>
      <c r="E14" s="223">
        <v>12100</v>
      </c>
      <c r="F14" s="236"/>
      <c r="G14" s="225"/>
    </row>
    <row r="15" spans="1:7" s="233" customFormat="1" ht="42.6" customHeight="1">
      <c r="A15" s="220"/>
      <c r="B15" s="238" t="s">
        <v>329</v>
      </c>
      <c r="C15" s="239"/>
      <c r="D15" s="242" t="s">
        <v>771</v>
      </c>
      <c r="E15" s="223">
        <v>12700</v>
      </c>
      <c r="F15" s="224"/>
      <c r="G15" s="225"/>
    </row>
    <row r="16" spans="1:7" s="233" customFormat="1" ht="14.1" customHeight="1">
      <c r="A16" s="220"/>
      <c r="B16" s="244" t="s">
        <v>364</v>
      </c>
      <c r="C16" s="244"/>
      <c r="D16" s="229"/>
      <c r="E16" s="223"/>
      <c r="F16" s="224"/>
      <c r="G16" s="225"/>
    </row>
    <row r="17" spans="1:7" s="232" customFormat="1" ht="41.45" customHeight="1">
      <c r="A17" s="227"/>
      <c r="B17" s="245" t="s">
        <v>44</v>
      </c>
      <c r="C17" s="246"/>
      <c r="D17" s="247" t="s">
        <v>45</v>
      </c>
      <c r="E17" s="223">
        <v>4500</v>
      </c>
      <c r="F17" s="224"/>
      <c r="G17" s="225"/>
    </row>
    <row r="18" spans="1:7" s="233" customFormat="1" ht="41.45" customHeight="1">
      <c r="A18" s="220" t="s">
        <v>772</v>
      </c>
      <c r="B18" s="245" t="s">
        <v>359</v>
      </c>
      <c r="C18" s="248"/>
      <c r="D18" s="249" t="s">
        <v>418</v>
      </c>
      <c r="E18" s="223">
        <v>16200</v>
      </c>
      <c r="F18" s="224"/>
      <c r="G18" s="225"/>
    </row>
    <row r="19" spans="1:7" s="233" customFormat="1" ht="41.45" customHeight="1">
      <c r="A19" s="220" t="s">
        <v>772</v>
      </c>
      <c r="B19" s="245" t="s">
        <v>362</v>
      </c>
      <c r="C19" s="246"/>
      <c r="D19" s="250" t="s">
        <v>419</v>
      </c>
      <c r="E19" s="223">
        <v>20100</v>
      </c>
      <c r="F19" s="224"/>
      <c r="G19" s="225"/>
    </row>
    <row r="20" spans="1:7" s="233" customFormat="1" ht="41.45" customHeight="1">
      <c r="A20" s="220" t="s">
        <v>772</v>
      </c>
      <c r="B20" s="245" t="s">
        <v>46</v>
      </c>
      <c r="C20" s="246"/>
      <c r="D20" s="247" t="s">
        <v>47</v>
      </c>
      <c r="E20" s="223">
        <v>9200</v>
      </c>
      <c r="F20" s="224"/>
      <c r="G20" s="225"/>
    </row>
    <row r="21" spans="1:7" s="233" customFormat="1" ht="41.45" customHeight="1">
      <c r="A21" s="220" t="s">
        <v>772</v>
      </c>
      <c r="B21" s="245" t="s">
        <v>360</v>
      </c>
      <c r="C21" s="246"/>
      <c r="D21" s="250" t="s">
        <v>420</v>
      </c>
      <c r="E21" s="223">
        <v>33900</v>
      </c>
      <c r="F21" s="224"/>
      <c r="G21" s="225"/>
    </row>
    <row r="22" spans="1:7" s="232" customFormat="1" ht="41.45" customHeight="1">
      <c r="A22" s="227"/>
      <c r="B22" s="245" t="s">
        <v>361</v>
      </c>
      <c r="C22" s="246"/>
      <c r="D22" s="250" t="s">
        <v>421</v>
      </c>
      <c r="E22" s="223">
        <v>17100</v>
      </c>
      <c r="F22" s="224"/>
      <c r="G22" s="225"/>
    </row>
    <row r="23" spans="1:7" s="232" customFormat="1" ht="41.45" customHeight="1">
      <c r="A23" s="234"/>
      <c r="B23" s="245" t="s">
        <v>48</v>
      </c>
      <c r="C23" s="246"/>
      <c r="D23" s="247" t="s">
        <v>49</v>
      </c>
      <c r="E23" s="223">
        <v>16500</v>
      </c>
      <c r="F23" s="224"/>
      <c r="G23" s="225"/>
    </row>
    <row r="24" spans="1:7" s="232" customFormat="1" ht="14.1" customHeight="1">
      <c r="A24" s="234"/>
      <c r="B24" s="244" t="s">
        <v>366</v>
      </c>
      <c r="C24" s="244"/>
      <c r="D24" s="229"/>
      <c r="E24" s="223"/>
      <c r="F24" s="224"/>
      <c r="G24" s="225"/>
    </row>
    <row r="25" spans="1:7" s="232" customFormat="1" ht="37.700000000000003" customHeight="1">
      <c r="A25" s="220"/>
      <c r="B25" s="251" t="s">
        <v>367</v>
      </c>
      <c r="C25" s="246"/>
      <c r="D25" s="247" t="s">
        <v>449</v>
      </c>
      <c r="E25" s="223">
        <v>900</v>
      </c>
      <c r="F25" s="224"/>
      <c r="G25" s="225"/>
    </row>
    <row r="26" spans="1:7" s="232" customFormat="1" ht="37.700000000000003" customHeight="1">
      <c r="A26" s="220"/>
      <c r="B26" s="251" t="s">
        <v>519</v>
      </c>
      <c r="C26" s="246"/>
      <c r="D26" s="247" t="s">
        <v>530</v>
      </c>
      <c r="E26" s="223">
        <v>1500</v>
      </c>
      <c r="F26" s="224"/>
      <c r="G26" s="225"/>
    </row>
    <row r="27" spans="1:7" s="233" customFormat="1" ht="37.700000000000003" customHeight="1">
      <c r="A27" s="220"/>
      <c r="B27" s="251" t="s">
        <v>520</v>
      </c>
      <c r="C27" s="246"/>
      <c r="D27" s="247" t="s">
        <v>531</v>
      </c>
      <c r="E27" s="223">
        <v>3000</v>
      </c>
      <c r="F27" s="224"/>
      <c r="G27" s="225"/>
    </row>
    <row r="28" spans="1:7" s="233" customFormat="1" ht="37.700000000000003" customHeight="1">
      <c r="A28" s="220"/>
      <c r="B28" s="251" t="s">
        <v>521</v>
      </c>
      <c r="C28" s="246"/>
      <c r="D28" s="247" t="s">
        <v>533</v>
      </c>
      <c r="E28" s="223">
        <v>3600</v>
      </c>
      <c r="F28" s="224"/>
      <c r="G28" s="225"/>
    </row>
    <row r="29" spans="1:7" s="253" customFormat="1" ht="37.700000000000003" customHeight="1">
      <c r="A29" s="252"/>
      <c r="B29" s="251" t="s">
        <v>522</v>
      </c>
      <c r="C29" s="246"/>
      <c r="D29" s="247" t="s">
        <v>538</v>
      </c>
      <c r="E29" s="223">
        <v>1400</v>
      </c>
      <c r="F29" s="224"/>
      <c r="G29" s="225"/>
    </row>
    <row r="30" spans="1:7" s="233" customFormat="1" ht="37.700000000000003" customHeight="1">
      <c r="A30" s="220"/>
      <c r="B30" s="251" t="s">
        <v>523</v>
      </c>
      <c r="C30" s="246"/>
      <c r="D30" s="247" t="s">
        <v>540</v>
      </c>
      <c r="E30" s="223">
        <v>3600</v>
      </c>
      <c r="F30" s="224"/>
      <c r="G30" s="225"/>
    </row>
    <row r="31" spans="1:7" s="233" customFormat="1" ht="37.700000000000003" customHeight="1">
      <c r="A31" s="220"/>
      <c r="B31" s="251" t="s">
        <v>524</v>
      </c>
      <c r="C31" s="246"/>
      <c r="D31" s="247" t="s">
        <v>541</v>
      </c>
      <c r="E31" s="223">
        <v>1200</v>
      </c>
      <c r="F31" s="224"/>
      <c r="G31" s="225"/>
    </row>
    <row r="32" spans="1:7" s="233" customFormat="1" ht="37.700000000000003" customHeight="1">
      <c r="A32" s="220"/>
      <c r="B32" s="251" t="s">
        <v>525</v>
      </c>
      <c r="C32" s="246"/>
      <c r="D32" s="247" t="s">
        <v>542</v>
      </c>
      <c r="E32" s="223">
        <v>1500</v>
      </c>
      <c r="F32" s="224"/>
      <c r="G32" s="225"/>
    </row>
    <row r="33" spans="1:7" s="233" customFormat="1" ht="37.700000000000003" customHeight="1">
      <c r="A33" s="252"/>
      <c r="B33" s="251" t="s">
        <v>526</v>
      </c>
      <c r="C33" s="246"/>
      <c r="D33" s="247" t="s">
        <v>543</v>
      </c>
      <c r="E33" s="223">
        <v>1200</v>
      </c>
      <c r="F33" s="224"/>
      <c r="G33" s="225"/>
    </row>
    <row r="34" spans="1:7" s="233" customFormat="1" ht="37.700000000000003" customHeight="1">
      <c r="A34" s="220"/>
      <c r="B34" s="251" t="s">
        <v>527</v>
      </c>
      <c r="C34" s="246"/>
      <c r="D34" s="247" t="s">
        <v>532</v>
      </c>
      <c r="E34" s="223">
        <v>3000</v>
      </c>
      <c r="F34" s="224"/>
      <c r="G34" s="225"/>
    </row>
    <row r="35" spans="1:7" s="254" customFormat="1" ht="37.700000000000003" customHeight="1">
      <c r="A35" s="252"/>
      <c r="B35" s="251" t="s">
        <v>368</v>
      </c>
      <c r="C35" s="246"/>
      <c r="D35" s="249" t="s">
        <v>450</v>
      </c>
      <c r="E35" s="223">
        <v>3600</v>
      </c>
      <c r="F35" s="224"/>
      <c r="G35" s="225"/>
    </row>
    <row r="36" spans="1:7" s="232" customFormat="1" ht="37.700000000000003" customHeight="1">
      <c r="A36" s="227"/>
      <c r="B36" s="251" t="s">
        <v>369</v>
      </c>
      <c r="C36" s="246"/>
      <c r="D36" s="247" t="s">
        <v>454</v>
      </c>
      <c r="E36" s="223">
        <v>1200</v>
      </c>
      <c r="F36" s="224"/>
      <c r="G36" s="225"/>
    </row>
    <row r="37" spans="1:7" s="232" customFormat="1" ht="37.700000000000003" customHeight="1">
      <c r="A37" s="227"/>
      <c r="B37" s="251" t="s">
        <v>370</v>
      </c>
      <c r="C37" s="246"/>
      <c r="D37" s="247" t="s">
        <v>455</v>
      </c>
      <c r="E37" s="223">
        <v>1500</v>
      </c>
      <c r="F37" s="224"/>
      <c r="G37" s="225"/>
    </row>
    <row r="38" spans="1:7" s="232" customFormat="1" ht="37.700000000000003" customHeight="1">
      <c r="A38" s="227"/>
      <c r="B38" s="251" t="s">
        <v>528</v>
      </c>
      <c r="C38" s="246"/>
      <c r="D38" s="247" t="s">
        <v>539</v>
      </c>
      <c r="E38" s="223">
        <v>1500</v>
      </c>
      <c r="F38" s="224"/>
      <c r="G38" s="225"/>
    </row>
    <row r="39" spans="1:7" s="232" customFormat="1" ht="37.700000000000003" customHeight="1">
      <c r="A39" s="227"/>
      <c r="B39" s="251" t="s">
        <v>371</v>
      </c>
      <c r="C39" s="246"/>
      <c r="D39" s="250" t="s">
        <v>451</v>
      </c>
      <c r="E39" s="223">
        <v>3600</v>
      </c>
      <c r="F39" s="224"/>
      <c r="G39" s="225"/>
    </row>
    <row r="40" spans="1:7" s="232" customFormat="1" ht="37.700000000000003" customHeight="1">
      <c r="A40" s="234"/>
      <c r="B40" s="251" t="s">
        <v>372</v>
      </c>
      <c r="C40" s="246"/>
      <c r="D40" s="250" t="s">
        <v>456</v>
      </c>
      <c r="E40" s="223">
        <v>900</v>
      </c>
      <c r="F40" s="224"/>
      <c r="G40" s="225"/>
    </row>
    <row r="41" spans="1:7" s="232" customFormat="1" ht="37.700000000000003" customHeight="1">
      <c r="A41" s="227"/>
      <c r="B41" s="251" t="s">
        <v>373</v>
      </c>
      <c r="C41" s="246"/>
      <c r="D41" s="250" t="s">
        <v>457</v>
      </c>
      <c r="E41" s="223">
        <v>900</v>
      </c>
      <c r="F41" s="224"/>
      <c r="G41" s="225"/>
    </row>
    <row r="42" spans="1:7" s="232" customFormat="1" ht="37.700000000000003" customHeight="1">
      <c r="A42" s="234"/>
      <c r="B42" s="251" t="s">
        <v>374</v>
      </c>
      <c r="C42" s="246"/>
      <c r="D42" s="247" t="s">
        <v>458</v>
      </c>
      <c r="E42" s="223">
        <v>1800</v>
      </c>
      <c r="F42" s="224"/>
      <c r="G42" s="225"/>
    </row>
    <row r="43" spans="1:7" s="232" customFormat="1" ht="37.700000000000003" customHeight="1">
      <c r="A43" s="220"/>
      <c r="B43" s="251" t="s">
        <v>30</v>
      </c>
      <c r="C43" s="246"/>
      <c r="D43" s="247" t="s">
        <v>422</v>
      </c>
      <c r="E43" s="223">
        <v>2100</v>
      </c>
      <c r="F43" s="224"/>
      <c r="G43" s="225"/>
    </row>
    <row r="44" spans="1:7" s="232" customFormat="1" ht="37.700000000000003" customHeight="1">
      <c r="A44" s="227"/>
      <c r="B44" s="251" t="s">
        <v>27</v>
      </c>
      <c r="C44" s="246"/>
      <c r="D44" s="247" t="s">
        <v>423</v>
      </c>
      <c r="E44" s="223">
        <v>3600</v>
      </c>
      <c r="F44" s="224"/>
      <c r="G44" s="225"/>
    </row>
    <row r="45" spans="1:7" s="232" customFormat="1" ht="37.700000000000003" customHeight="1">
      <c r="A45" s="234"/>
      <c r="B45" s="251" t="s">
        <v>31</v>
      </c>
      <c r="C45" s="246"/>
      <c r="D45" s="247" t="s">
        <v>424</v>
      </c>
      <c r="E45" s="223">
        <v>2300</v>
      </c>
      <c r="F45" s="224"/>
      <c r="G45" s="225"/>
    </row>
    <row r="46" spans="1:7" s="232" customFormat="1" ht="37.700000000000003" customHeight="1">
      <c r="A46" s="234"/>
      <c r="B46" s="251" t="s">
        <v>43</v>
      </c>
      <c r="C46" s="246"/>
      <c r="D46" s="247" t="s">
        <v>426</v>
      </c>
      <c r="E46" s="223">
        <v>3900</v>
      </c>
      <c r="F46" s="224"/>
      <c r="G46" s="225"/>
    </row>
    <row r="47" spans="1:7" s="232" customFormat="1" ht="37.700000000000003" customHeight="1">
      <c r="A47" s="227"/>
      <c r="B47" s="251" t="s">
        <v>375</v>
      </c>
      <c r="C47" s="246"/>
      <c r="D47" s="247" t="s">
        <v>459</v>
      </c>
      <c r="E47" s="223">
        <v>1100</v>
      </c>
      <c r="F47" s="224"/>
      <c r="G47" s="225"/>
    </row>
    <row r="48" spans="1:7" s="232" customFormat="1" ht="37.700000000000003" customHeight="1">
      <c r="A48" s="227"/>
      <c r="B48" s="251" t="s">
        <v>42</v>
      </c>
      <c r="C48" s="246"/>
      <c r="D48" s="247" t="s">
        <v>427</v>
      </c>
      <c r="E48" s="223">
        <v>10400</v>
      </c>
      <c r="F48" s="224"/>
      <c r="G48" s="225"/>
    </row>
    <row r="49" spans="1:7" s="232" customFormat="1" ht="37.700000000000003" customHeight="1">
      <c r="A49" s="234"/>
      <c r="B49" s="251" t="s">
        <v>37</v>
      </c>
      <c r="C49" s="246"/>
      <c r="D49" s="247" t="s">
        <v>428</v>
      </c>
      <c r="E49" s="223">
        <v>1200</v>
      </c>
      <c r="F49" s="224"/>
      <c r="G49" s="225"/>
    </row>
    <row r="50" spans="1:7" s="232" customFormat="1" ht="37.700000000000003" customHeight="1">
      <c r="A50" s="234"/>
      <c r="B50" s="251" t="s">
        <v>38</v>
      </c>
      <c r="C50" s="246"/>
      <c r="D50" s="247" t="s">
        <v>429</v>
      </c>
      <c r="E50" s="223">
        <v>2100</v>
      </c>
      <c r="F50" s="224"/>
      <c r="G50" s="225"/>
    </row>
    <row r="51" spans="1:7" s="232" customFormat="1" ht="37.700000000000003" customHeight="1">
      <c r="A51" s="234"/>
      <c r="B51" s="251" t="s">
        <v>32</v>
      </c>
      <c r="C51" s="246"/>
      <c r="D51" s="247" t="s">
        <v>430</v>
      </c>
      <c r="E51" s="223">
        <v>600</v>
      </c>
      <c r="F51" s="224"/>
      <c r="G51" s="225"/>
    </row>
    <row r="52" spans="1:7" s="232" customFormat="1" ht="37.700000000000003" customHeight="1">
      <c r="A52" s="227"/>
      <c r="B52" s="251" t="s">
        <v>29</v>
      </c>
      <c r="C52" s="246"/>
      <c r="D52" s="247" t="s">
        <v>431</v>
      </c>
      <c r="E52" s="223">
        <v>500</v>
      </c>
      <c r="F52" s="224"/>
      <c r="G52" s="225"/>
    </row>
    <row r="53" spans="1:7" s="232" customFormat="1" ht="37.700000000000003" customHeight="1">
      <c r="A53" s="227"/>
      <c r="B53" s="251" t="s">
        <v>376</v>
      </c>
      <c r="C53" s="246"/>
      <c r="D53" s="247" t="s">
        <v>433</v>
      </c>
      <c r="E53" s="223">
        <v>1800</v>
      </c>
      <c r="F53" s="224"/>
      <c r="G53" s="225"/>
    </row>
    <row r="54" spans="1:7" s="232" customFormat="1" ht="37.700000000000003" customHeight="1">
      <c r="A54" s="227"/>
      <c r="B54" s="251" t="s">
        <v>377</v>
      </c>
      <c r="C54" s="246"/>
      <c r="D54" s="247" t="s">
        <v>432</v>
      </c>
      <c r="E54" s="223">
        <v>3600</v>
      </c>
      <c r="F54" s="224"/>
      <c r="G54" s="225"/>
    </row>
    <row r="55" spans="1:7" s="232" customFormat="1" ht="37.700000000000003" customHeight="1">
      <c r="A55" s="234"/>
      <c r="B55" s="251" t="s">
        <v>36</v>
      </c>
      <c r="C55" s="246"/>
      <c r="D55" s="247" t="s">
        <v>437</v>
      </c>
      <c r="E55" s="223">
        <v>900</v>
      </c>
      <c r="F55" s="224"/>
      <c r="G55" s="225"/>
    </row>
    <row r="56" spans="1:7" s="232" customFormat="1" ht="37.700000000000003" customHeight="1">
      <c r="A56" s="227"/>
      <c r="B56" s="251" t="s">
        <v>378</v>
      </c>
      <c r="C56" s="246"/>
      <c r="D56" s="247" t="s">
        <v>438</v>
      </c>
      <c r="E56" s="223">
        <v>900</v>
      </c>
      <c r="F56" s="224"/>
      <c r="G56" s="225"/>
    </row>
    <row r="57" spans="1:7" s="233" customFormat="1" ht="37.700000000000003" customHeight="1">
      <c r="A57" s="227"/>
      <c r="B57" s="251" t="s">
        <v>23</v>
      </c>
      <c r="C57" s="246"/>
      <c r="D57" s="247" t="s">
        <v>439</v>
      </c>
      <c r="E57" s="223">
        <v>1500</v>
      </c>
      <c r="F57" s="224"/>
      <c r="G57" s="225"/>
    </row>
    <row r="58" spans="1:7" s="232" customFormat="1" ht="37.700000000000003" customHeight="1">
      <c r="A58" s="234"/>
      <c r="B58" s="251" t="s">
        <v>379</v>
      </c>
      <c r="C58" s="246"/>
      <c r="D58" s="247" t="s">
        <v>440</v>
      </c>
      <c r="E58" s="223">
        <v>2000</v>
      </c>
      <c r="F58" s="224"/>
      <c r="G58" s="225"/>
    </row>
    <row r="59" spans="1:7" s="253" customFormat="1" ht="37.700000000000003" customHeight="1">
      <c r="A59" s="255"/>
      <c r="B59" s="251" t="s">
        <v>380</v>
      </c>
      <c r="C59" s="246"/>
      <c r="D59" s="250" t="s">
        <v>460</v>
      </c>
      <c r="E59" s="223">
        <v>1400</v>
      </c>
      <c r="F59" s="224"/>
      <c r="G59" s="225"/>
    </row>
    <row r="60" spans="1:7" s="232" customFormat="1" ht="37.700000000000003" customHeight="1">
      <c r="A60" s="234"/>
      <c r="B60" s="251" t="s">
        <v>34</v>
      </c>
      <c r="C60" s="246"/>
      <c r="D60" s="247" t="s">
        <v>442</v>
      </c>
      <c r="E60" s="223">
        <v>900</v>
      </c>
      <c r="F60" s="224"/>
      <c r="G60" s="225"/>
    </row>
    <row r="61" spans="1:7" s="256" customFormat="1" ht="37.700000000000003" customHeight="1">
      <c r="A61" s="227"/>
      <c r="B61" s="251" t="s">
        <v>35</v>
      </c>
      <c r="C61" s="246"/>
      <c r="D61" s="247" t="s">
        <v>443</v>
      </c>
      <c r="E61" s="223">
        <v>1400</v>
      </c>
      <c r="F61" s="224"/>
      <c r="G61" s="225"/>
    </row>
    <row r="62" spans="1:7" s="232" customFormat="1" ht="37.700000000000003" customHeight="1">
      <c r="A62" s="227"/>
      <c r="B62" s="251" t="s">
        <v>26</v>
      </c>
      <c r="C62" s="246"/>
      <c r="D62" s="247" t="s">
        <v>444</v>
      </c>
      <c r="E62" s="223">
        <v>1500</v>
      </c>
      <c r="F62" s="224"/>
      <c r="G62" s="225"/>
    </row>
    <row r="63" spans="1:7" s="232" customFormat="1" ht="37.700000000000003" customHeight="1">
      <c r="A63" s="227"/>
      <c r="B63" s="251" t="s">
        <v>381</v>
      </c>
      <c r="C63" s="246"/>
      <c r="D63" s="247" t="s">
        <v>441</v>
      </c>
      <c r="E63" s="223">
        <v>2800</v>
      </c>
      <c r="F63" s="224"/>
      <c r="G63" s="225"/>
    </row>
    <row r="64" spans="1:7" s="256" customFormat="1" ht="37.700000000000003" customHeight="1">
      <c r="A64" s="234"/>
      <c r="B64" s="251" t="s">
        <v>25</v>
      </c>
      <c r="C64" s="246"/>
      <c r="D64" s="247" t="s">
        <v>445</v>
      </c>
      <c r="E64" s="223">
        <v>1500</v>
      </c>
      <c r="F64" s="224"/>
      <c r="G64" s="225"/>
    </row>
    <row r="65" spans="1:7" s="232" customFormat="1" ht="37.700000000000003" customHeight="1">
      <c r="A65" s="234"/>
      <c r="B65" s="251" t="s">
        <v>39</v>
      </c>
      <c r="C65" s="246"/>
      <c r="D65" s="247" t="s">
        <v>434</v>
      </c>
      <c r="E65" s="223">
        <v>2000</v>
      </c>
      <c r="F65" s="224"/>
      <c r="G65" s="225"/>
    </row>
    <row r="66" spans="1:7" s="232" customFormat="1" ht="37.700000000000003" customHeight="1">
      <c r="A66" s="227"/>
      <c r="B66" s="251" t="s">
        <v>40</v>
      </c>
      <c r="C66" s="246"/>
      <c r="D66" s="247" t="s">
        <v>435</v>
      </c>
      <c r="E66" s="223">
        <v>3900</v>
      </c>
      <c r="F66" s="224"/>
      <c r="G66" s="225"/>
    </row>
    <row r="67" spans="1:7" s="232" customFormat="1" ht="37.700000000000003" customHeight="1">
      <c r="A67" s="234"/>
      <c r="B67" s="251" t="s">
        <v>41</v>
      </c>
      <c r="C67" s="246"/>
      <c r="D67" s="247" t="s">
        <v>436</v>
      </c>
      <c r="E67" s="223">
        <v>9200</v>
      </c>
      <c r="F67" s="224"/>
      <c r="G67" s="225"/>
    </row>
    <row r="68" spans="1:7" s="256" customFormat="1" ht="37.700000000000003" customHeight="1">
      <c r="A68" s="227"/>
      <c r="B68" s="251" t="s">
        <v>382</v>
      </c>
      <c r="C68" s="246"/>
      <c r="D68" s="247" t="s">
        <v>446</v>
      </c>
      <c r="E68" s="223">
        <v>1800</v>
      </c>
      <c r="F68" s="224"/>
      <c r="G68" s="225"/>
    </row>
    <row r="69" spans="1:7" s="257" customFormat="1" ht="37.700000000000003" customHeight="1">
      <c r="A69" s="220"/>
      <c r="B69" s="251" t="s">
        <v>28</v>
      </c>
      <c r="C69" s="246"/>
      <c r="D69" s="247" t="s">
        <v>447</v>
      </c>
      <c r="E69" s="223">
        <v>1800</v>
      </c>
      <c r="F69" s="224"/>
      <c r="G69" s="225"/>
    </row>
    <row r="70" spans="1:7" s="257" customFormat="1" ht="37.700000000000003" customHeight="1">
      <c r="A70" s="220"/>
      <c r="B70" s="251" t="s">
        <v>773</v>
      </c>
      <c r="C70" s="246"/>
      <c r="D70" s="247" t="s">
        <v>774</v>
      </c>
      <c r="E70" s="223">
        <v>1800</v>
      </c>
      <c r="F70" s="236"/>
      <c r="G70" s="225"/>
    </row>
    <row r="71" spans="1:7" s="257" customFormat="1" ht="37.700000000000003" customHeight="1">
      <c r="A71" s="220"/>
      <c r="B71" s="251" t="s">
        <v>775</v>
      </c>
      <c r="C71" s="246"/>
      <c r="D71" s="247"/>
      <c r="E71" s="223">
        <v>1800</v>
      </c>
      <c r="F71" s="236"/>
      <c r="G71" s="225"/>
    </row>
    <row r="72" spans="1:7" s="257" customFormat="1" ht="37.700000000000003" customHeight="1">
      <c r="A72" s="258"/>
      <c r="B72" s="251" t="s">
        <v>22</v>
      </c>
      <c r="C72" s="246"/>
      <c r="D72" s="247" t="s">
        <v>412</v>
      </c>
      <c r="E72" s="223">
        <v>1400</v>
      </c>
      <c r="F72" s="224"/>
      <c r="G72" s="225" t="s">
        <v>1916</v>
      </c>
    </row>
    <row r="73" spans="1:7" s="257" customFormat="1" ht="37.700000000000003" customHeight="1">
      <c r="A73" s="258"/>
      <c r="B73" s="251" t="s">
        <v>383</v>
      </c>
      <c r="C73" s="246"/>
      <c r="D73" s="250" t="s">
        <v>461</v>
      </c>
      <c r="E73" s="223">
        <v>300</v>
      </c>
      <c r="F73" s="224"/>
      <c r="G73" s="225"/>
    </row>
    <row r="74" spans="1:7" s="256" customFormat="1" ht="37.700000000000003" customHeight="1">
      <c r="A74" s="258"/>
      <c r="B74" s="251" t="s">
        <v>529</v>
      </c>
      <c r="C74"/>
      <c r="D74" s="250" t="s">
        <v>776</v>
      </c>
      <c r="E74" s="223">
        <v>600</v>
      </c>
      <c r="F74" s="236"/>
      <c r="G74" s="225" t="s">
        <v>1915</v>
      </c>
    </row>
    <row r="75" spans="1:7" s="257" customFormat="1" ht="37.700000000000003" customHeight="1">
      <c r="A75" s="258"/>
      <c r="B75" s="251" t="s">
        <v>384</v>
      </c>
      <c r="C75" s="246"/>
      <c r="D75" s="247" t="s">
        <v>462</v>
      </c>
      <c r="E75" s="223">
        <v>1800</v>
      </c>
      <c r="F75" s="224"/>
      <c r="G75" s="225"/>
    </row>
    <row r="76" spans="1:7" s="257" customFormat="1" ht="37.700000000000003" customHeight="1">
      <c r="A76" s="258"/>
      <c r="B76" s="251" t="s">
        <v>385</v>
      </c>
      <c r="C76" s="246"/>
      <c r="D76" s="250" t="s">
        <v>463</v>
      </c>
      <c r="E76" s="223">
        <v>1800</v>
      </c>
      <c r="F76" s="224"/>
      <c r="G76" s="225"/>
    </row>
    <row r="77" spans="1:7" s="257" customFormat="1" ht="37.700000000000003" customHeight="1">
      <c r="A77" s="258"/>
      <c r="B77" s="251" t="s">
        <v>386</v>
      </c>
      <c r="C77" s="246"/>
      <c r="D77" s="250" t="s">
        <v>453</v>
      </c>
      <c r="E77" s="223">
        <v>3600</v>
      </c>
      <c r="F77" s="224"/>
      <c r="G77" s="225"/>
    </row>
    <row r="78" spans="1:7" s="257" customFormat="1" ht="37.700000000000003" customHeight="1">
      <c r="A78" s="220"/>
      <c r="B78" s="251" t="s">
        <v>387</v>
      </c>
      <c r="C78" s="246"/>
      <c r="D78" s="249" t="s">
        <v>452</v>
      </c>
      <c r="E78" s="223">
        <v>3300</v>
      </c>
      <c r="F78" s="224"/>
      <c r="G78" s="225"/>
    </row>
    <row r="79" spans="1:7" s="257" customFormat="1" ht="40.15" customHeight="1">
      <c r="A79" s="220"/>
      <c r="B79" s="251" t="s">
        <v>388</v>
      </c>
      <c r="C79" s="246"/>
      <c r="D79" s="250" t="s">
        <v>464</v>
      </c>
      <c r="E79" s="223">
        <v>1800</v>
      </c>
      <c r="F79" s="224"/>
      <c r="G79" s="225"/>
    </row>
    <row r="80" spans="1:7" s="257" customFormat="1" ht="40.15" customHeight="1">
      <c r="A80" s="220"/>
      <c r="B80" s="251" t="s">
        <v>389</v>
      </c>
      <c r="C80" s="246"/>
      <c r="D80" s="250" t="s">
        <v>465</v>
      </c>
      <c r="E80" s="223">
        <v>1700</v>
      </c>
      <c r="F80" s="224"/>
      <c r="G80" s="225"/>
    </row>
    <row r="81" spans="1:7" s="257" customFormat="1" ht="40.15" customHeight="1">
      <c r="A81" s="220"/>
      <c r="B81" s="251" t="s">
        <v>390</v>
      </c>
      <c r="C81" s="246"/>
      <c r="D81" s="250" t="s">
        <v>466</v>
      </c>
      <c r="E81" s="223">
        <v>1100</v>
      </c>
      <c r="F81" s="224"/>
      <c r="G81" s="225"/>
    </row>
    <row r="82" spans="1:7" s="257" customFormat="1" ht="40.15" customHeight="1">
      <c r="A82" s="220"/>
      <c r="B82" s="251" t="s">
        <v>391</v>
      </c>
      <c r="C82" s="246"/>
      <c r="D82" s="250" t="s">
        <v>467</v>
      </c>
      <c r="E82" s="223">
        <v>800</v>
      </c>
      <c r="F82" s="224"/>
      <c r="G82" s="225"/>
    </row>
    <row r="83" spans="1:7" s="257" customFormat="1" ht="40.15" customHeight="1">
      <c r="A83" s="220"/>
      <c r="B83" s="251" t="s">
        <v>392</v>
      </c>
      <c r="C83" s="259"/>
      <c r="D83" s="250" t="s">
        <v>468</v>
      </c>
      <c r="E83" s="223">
        <v>1400</v>
      </c>
      <c r="F83" s="224"/>
      <c r="G83" s="225"/>
    </row>
    <row r="84" spans="1:7" s="257" customFormat="1" ht="40.15" customHeight="1">
      <c r="A84" s="220"/>
      <c r="B84" s="251" t="s">
        <v>393</v>
      </c>
      <c r="C84" s="246"/>
      <c r="D84" s="250" t="s">
        <v>469</v>
      </c>
      <c r="E84" s="223">
        <v>1400</v>
      </c>
      <c r="F84" s="224"/>
      <c r="G84" s="225"/>
    </row>
    <row r="85" spans="1:7" s="257" customFormat="1" ht="40.15" customHeight="1">
      <c r="A85" s="220"/>
      <c r="B85" s="251" t="s">
        <v>33</v>
      </c>
      <c r="C85" s="246"/>
      <c r="D85" s="247" t="s">
        <v>448</v>
      </c>
      <c r="E85" s="223">
        <v>200</v>
      </c>
      <c r="F85" s="224"/>
      <c r="G85" s="225"/>
    </row>
    <row r="86" spans="1:7" s="257" customFormat="1" ht="40.15" customHeight="1">
      <c r="A86" s="220"/>
      <c r="B86" s="251" t="s">
        <v>566</v>
      </c>
      <c r="C86"/>
      <c r="D86" s="249" t="s">
        <v>777</v>
      </c>
      <c r="E86" s="223">
        <v>2700</v>
      </c>
      <c r="F86" s="236"/>
      <c r="G86" s="225"/>
    </row>
    <row r="87" spans="1:7" s="257" customFormat="1" ht="40.15" customHeight="1">
      <c r="A87" s="220"/>
      <c r="B87" s="251" t="s">
        <v>567</v>
      </c>
      <c r="C87" s="144"/>
      <c r="D87" s="249" t="s">
        <v>778</v>
      </c>
      <c r="E87" s="223">
        <v>6500</v>
      </c>
      <c r="F87" s="236"/>
      <c r="G87" s="225"/>
    </row>
    <row r="88" spans="1:7" s="257" customFormat="1" ht="40.15" customHeight="1">
      <c r="A88" s="220"/>
      <c r="B88" s="251" t="s">
        <v>568</v>
      </c>
      <c r="C88" s="144"/>
      <c r="D88" s="250" t="s">
        <v>779</v>
      </c>
      <c r="E88" s="223">
        <v>3000</v>
      </c>
      <c r="F88" s="236"/>
      <c r="G88" s="225"/>
    </row>
    <row r="89" spans="1:7" s="257" customFormat="1" ht="40.15" customHeight="1">
      <c r="A89" s="220"/>
      <c r="B89" s="251" t="s">
        <v>33</v>
      </c>
      <c r="C89" s="144"/>
      <c r="D89" s="250" t="s">
        <v>780</v>
      </c>
      <c r="E89" s="223">
        <v>200</v>
      </c>
      <c r="F89" s="236"/>
      <c r="G89" s="225"/>
    </row>
    <row r="90" spans="1:7" s="257" customFormat="1" ht="40.15" customHeight="1">
      <c r="A90" s="399"/>
      <c r="B90" s="251" t="s">
        <v>1910</v>
      </c>
      <c r="C90" s="144"/>
      <c r="D90" s="250"/>
      <c r="E90" s="223">
        <v>5300</v>
      </c>
      <c r="F90" s="236" t="s">
        <v>1491</v>
      </c>
      <c r="G90" s="225"/>
    </row>
    <row r="91" spans="1:7" s="257" customFormat="1" ht="40.15" customHeight="1">
      <c r="A91" s="399"/>
      <c r="B91" s="251" t="s">
        <v>1911</v>
      </c>
      <c r="C91" s="144"/>
      <c r="D91" s="250"/>
      <c r="E91" s="223">
        <v>6500</v>
      </c>
      <c r="F91" s="236" t="s">
        <v>1491</v>
      </c>
      <c r="G91" s="225"/>
    </row>
    <row r="92" spans="1:7" s="257" customFormat="1" ht="40.15" customHeight="1">
      <c r="A92" s="399"/>
      <c r="B92" s="251" t="s">
        <v>1912</v>
      </c>
      <c r="C92" s="144"/>
      <c r="D92" s="250"/>
      <c r="E92" s="223">
        <v>26500</v>
      </c>
      <c r="F92" s="236" t="s">
        <v>1491</v>
      </c>
      <c r="G92" s="225"/>
    </row>
  </sheetData>
  <phoneticPr fontId="119" type="noConversion"/>
  <pageMargins left="0.69930555555555596" right="0.69930555555555596" top="0.75" bottom="0.75" header="0.3" footer="0.3"/>
  <pageSetup paperSize="9" orientation="portrait" r:id="rId1"/>
  <drawing r:id="rId2"/>
</worksheet>
</file>

<file path=xl/worksheets/sheet8.xml><?xml version="1.0" encoding="utf-8"?>
<worksheet xmlns="http://schemas.openxmlformats.org/spreadsheetml/2006/main" xmlns:r="http://schemas.openxmlformats.org/officeDocument/2006/relationships">
  <dimension ref="A2:Q156"/>
  <sheetViews>
    <sheetView topLeftCell="C1" zoomScaleNormal="100" workbookViewId="0">
      <selection activeCell="B36" sqref="B36:B42"/>
    </sheetView>
  </sheetViews>
  <sheetFormatPr defaultColWidth="9" defaultRowHeight="16.5"/>
  <cols>
    <col min="1" max="1" width="15.7109375" style="263" customWidth="1"/>
    <col min="2" max="2" width="11.42578125" style="263" customWidth="1"/>
    <col min="3" max="4" width="17.28515625" style="263" customWidth="1"/>
    <col min="5" max="5" width="16.7109375" style="263" customWidth="1"/>
    <col min="6" max="6" width="17.7109375" style="263" customWidth="1"/>
    <col min="7" max="7" width="21.42578125" style="263" customWidth="1"/>
    <col min="8" max="8" width="19" style="263" customWidth="1"/>
    <col min="9" max="11" width="15.42578125" style="263" customWidth="1"/>
    <col min="12" max="12" width="17.42578125" style="263" customWidth="1"/>
    <col min="13" max="13" width="17.28515625" style="263" customWidth="1"/>
    <col min="14" max="14" width="19.28515625" style="263" customWidth="1"/>
    <col min="15" max="15" width="17.42578125" style="263" customWidth="1"/>
    <col min="16" max="16" width="18.42578125" style="263" customWidth="1"/>
    <col min="17" max="17" width="16.7109375" style="263" customWidth="1"/>
    <col min="18" max="18" width="20.28515625" style="263" customWidth="1"/>
    <col min="19" max="16384" width="9" style="263"/>
  </cols>
  <sheetData>
    <row r="2" spans="1:17" ht="17.25" thickBot="1">
      <c r="A2" s="262" t="s">
        <v>781</v>
      </c>
      <c r="B2" s="262"/>
      <c r="C2" s="262"/>
      <c r="D2" s="262"/>
      <c r="E2" s="262"/>
      <c r="F2" s="262"/>
      <c r="G2" s="262"/>
      <c r="H2" s="262"/>
      <c r="I2" s="262"/>
      <c r="J2" s="262"/>
      <c r="K2" s="262"/>
      <c r="L2" s="262"/>
      <c r="M2" s="262"/>
      <c r="N2" s="262"/>
      <c r="O2" s="262"/>
      <c r="P2" s="262"/>
      <c r="Q2" s="262"/>
    </row>
    <row r="3" spans="1:17" ht="78" customHeight="1">
      <c r="A3" s="642"/>
      <c r="B3" s="645" t="s">
        <v>782</v>
      </c>
      <c r="C3" s="264"/>
      <c r="D3" s="265"/>
      <c r="E3" s="265"/>
      <c r="F3" s="265"/>
      <c r="G3" s="265"/>
      <c r="H3" s="265"/>
      <c r="I3" s="265"/>
      <c r="J3" s="265"/>
      <c r="K3" s="265"/>
      <c r="L3" s="265"/>
      <c r="M3" s="265"/>
      <c r="N3" s="266"/>
    </row>
    <row r="4" spans="1:17">
      <c r="A4" s="643"/>
      <c r="B4" s="646"/>
      <c r="C4" s="267" t="s">
        <v>22</v>
      </c>
      <c r="D4" s="262" t="s">
        <v>23</v>
      </c>
      <c r="E4" s="262" t="s">
        <v>24</v>
      </c>
      <c r="F4" s="262" t="s">
        <v>327</v>
      </c>
      <c r="G4" s="262" t="s">
        <v>328</v>
      </c>
      <c r="H4" s="262" t="s">
        <v>329</v>
      </c>
      <c r="I4" s="268" t="s">
        <v>25</v>
      </c>
      <c r="J4" s="262" t="s">
        <v>26</v>
      </c>
      <c r="K4" s="268" t="s">
        <v>27</v>
      </c>
      <c r="L4" s="268" t="s">
        <v>28</v>
      </c>
      <c r="M4" s="262" t="s">
        <v>29</v>
      </c>
      <c r="N4" s="262" t="s">
        <v>765</v>
      </c>
      <c r="O4" s="262" t="s">
        <v>767</v>
      </c>
      <c r="P4" s="262" t="s">
        <v>769</v>
      </c>
      <c r="Q4" s="262" t="s">
        <v>783</v>
      </c>
    </row>
    <row r="5" spans="1:17">
      <c r="A5" s="643"/>
      <c r="B5" s="646"/>
      <c r="C5" s="269" t="s">
        <v>784</v>
      </c>
      <c r="D5" s="263" t="s">
        <v>785</v>
      </c>
      <c r="E5" s="270" t="s">
        <v>786</v>
      </c>
      <c r="F5" s="270" t="s">
        <v>787</v>
      </c>
      <c r="G5" s="270" t="s">
        <v>788</v>
      </c>
      <c r="H5" s="270" t="s">
        <v>789</v>
      </c>
      <c r="I5" s="270" t="s">
        <v>790</v>
      </c>
      <c r="J5" s="270" t="s">
        <v>791</v>
      </c>
      <c r="K5" s="270" t="s">
        <v>792</v>
      </c>
      <c r="L5" s="270" t="s">
        <v>793</v>
      </c>
      <c r="M5" s="270" t="s">
        <v>794</v>
      </c>
      <c r="N5" s="270" t="s">
        <v>795</v>
      </c>
      <c r="O5" s="270" t="s">
        <v>796</v>
      </c>
      <c r="P5" s="270" t="s">
        <v>797</v>
      </c>
      <c r="Q5" s="270" t="s">
        <v>798</v>
      </c>
    </row>
    <row r="6" spans="1:17" ht="66">
      <c r="A6" s="643"/>
      <c r="B6" s="646"/>
      <c r="C6" s="271" t="s">
        <v>799</v>
      </c>
      <c r="D6" s="270" t="s">
        <v>800</v>
      </c>
      <c r="E6" s="270" t="s">
        <v>801</v>
      </c>
      <c r="F6" s="270" t="s">
        <v>802</v>
      </c>
      <c r="G6" s="270" t="s">
        <v>803</v>
      </c>
      <c r="H6" s="270" t="s">
        <v>804</v>
      </c>
      <c r="I6" s="270" t="s">
        <v>805</v>
      </c>
      <c r="J6" s="270" t="s">
        <v>806</v>
      </c>
      <c r="K6" s="270" t="s">
        <v>807</v>
      </c>
      <c r="L6" s="270" t="s">
        <v>808</v>
      </c>
      <c r="M6" s="270" t="s">
        <v>809</v>
      </c>
      <c r="N6" s="270" t="s">
        <v>810</v>
      </c>
      <c r="O6" s="270" t="s">
        <v>811</v>
      </c>
      <c r="P6" s="270" t="s">
        <v>811</v>
      </c>
      <c r="Q6" s="270" t="s">
        <v>808</v>
      </c>
    </row>
    <row r="7" spans="1:17" ht="49.5">
      <c r="A7" s="643"/>
      <c r="B7" s="646"/>
      <c r="C7" s="271" t="s">
        <v>812</v>
      </c>
      <c r="D7" s="270" t="s">
        <v>813</v>
      </c>
      <c r="E7" s="270" t="s">
        <v>814</v>
      </c>
      <c r="F7" s="270" t="s">
        <v>815</v>
      </c>
      <c r="G7" s="270" t="s">
        <v>816</v>
      </c>
      <c r="H7" s="270" t="s">
        <v>817</v>
      </c>
      <c r="I7" s="270" t="s">
        <v>818</v>
      </c>
      <c r="J7" s="270" t="s">
        <v>819</v>
      </c>
      <c r="K7" s="270" t="s">
        <v>820</v>
      </c>
      <c r="L7" s="270" t="s">
        <v>821</v>
      </c>
      <c r="M7" s="270" t="s">
        <v>822</v>
      </c>
      <c r="N7" s="270" t="s">
        <v>823</v>
      </c>
      <c r="O7" s="270" t="s">
        <v>823</v>
      </c>
      <c r="P7" s="270" t="s">
        <v>824</v>
      </c>
      <c r="Q7" s="270" t="s">
        <v>825</v>
      </c>
    </row>
    <row r="8" spans="1:17">
      <c r="A8" s="643"/>
      <c r="B8" s="646"/>
      <c r="C8" s="269" t="s">
        <v>826</v>
      </c>
      <c r="D8" s="263" t="s">
        <v>826</v>
      </c>
      <c r="E8" s="263" t="s">
        <v>827</v>
      </c>
      <c r="F8" s="263" t="s">
        <v>828</v>
      </c>
      <c r="G8" s="263" t="s">
        <v>829</v>
      </c>
      <c r="H8" s="263" t="s">
        <v>830</v>
      </c>
      <c r="I8" s="263" t="s">
        <v>831</v>
      </c>
      <c r="J8" s="263" t="s">
        <v>832</v>
      </c>
      <c r="K8" s="263" t="s">
        <v>833</v>
      </c>
      <c r="L8" s="263" t="s">
        <v>834</v>
      </c>
      <c r="M8" s="263" t="s">
        <v>835</v>
      </c>
      <c r="N8" s="263" t="s">
        <v>836</v>
      </c>
      <c r="O8" s="263" t="s">
        <v>837</v>
      </c>
      <c r="P8" s="263" t="s">
        <v>838</v>
      </c>
      <c r="Q8" s="263" t="s">
        <v>831</v>
      </c>
    </row>
    <row r="9" spans="1:17" ht="17.25" thickBot="1">
      <c r="A9" s="644"/>
      <c r="B9" s="647"/>
      <c r="C9" s="272"/>
      <c r="D9" s="273"/>
      <c r="E9" s="273"/>
      <c r="F9" s="273"/>
      <c r="G9" s="273"/>
      <c r="H9" s="273"/>
      <c r="I9" s="274"/>
      <c r="J9" s="274"/>
      <c r="K9" s="274"/>
      <c r="L9" s="274"/>
      <c r="M9" s="274"/>
      <c r="N9" s="275"/>
    </row>
    <row r="11" spans="1:17" ht="17.25" thickBot="1">
      <c r="A11" s="262" t="s">
        <v>839</v>
      </c>
      <c r="B11" s="262"/>
      <c r="C11" s="262"/>
      <c r="D11" s="262"/>
      <c r="E11" s="262"/>
      <c r="F11" s="262"/>
      <c r="G11" s="262"/>
      <c r="H11" s="262"/>
      <c r="I11" s="262"/>
      <c r="J11" s="262"/>
      <c r="K11" s="262"/>
      <c r="L11" s="262"/>
      <c r="M11" s="276"/>
      <c r="N11" s="276"/>
      <c r="O11" s="276"/>
      <c r="P11" s="276"/>
    </row>
    <row r="12" spans="1:17" ht="70.5" customHeight="1">
      <c r="A12" s="642"/>
      <c r="B12" s="648" t="s">
        <v>840</v>
      </c>
      <c r="C12" s="277"/>
      <c r="D12" s="265"/>
      <c r="E12" s="265"/>
      <c r="F12" s="265"/>
      <c r="G12" s="265"/>
      <c r="H12" s="265"/>
      <c r="I12" s="265"/>
      <c r="J12" s="265"/>
      <c r="K12" s="265"/>
      <c r="L12" s="278"/>
    </row>
    <row r="13" spans="1:17">
      <c r="A13" s="643"/>
      <c r="B13" s="649"/>
      <c r="C13" s="267" t="s">
        <v>31</v>
      </c>
      <c r="D13" s="262" t="s">
        <v>841</v>
      </c>
      <c r="E13" s="262" t="s">
        <v>371</v>
      </c>
      <c r="F13" s="262" t="s">
        <v>26</v>
      </c>
      <c r="G13" s="262" t="s">
        <v>370</v>
      </c>
      <c r="H13" s="262" t="s">
        <v>32</v>
      </c>
      <c r="I13" s="262" t="s">
        <v>33</v>
      </c>
      <c r="J13" s="262" t="s">
        <v>390</v>
      </c>
      <c r="K13" s="268" t="s">
        <v>391</v>
      </c>
      <c r="L13" s="279" t="s">
        <v>392</v>
      </c>
    </row>
    <row r="14" spans="1:17">
      <c r="A14" s="643"/>
      <c r="B14" s="649"/>
      <c r="C14" s="269" t="s">
        <v>842</v>
      </c>
      <c r="D14" s="263" t="s">
        <v>843</v>
      </c>
      <c r="E14" s="263" t="s">
        <v>844</v>
      </c>
      <c r="F14" s="263" t="s">
        <v>791</v>
      </c>
      <c r="G14" s="263" t="s">
        <v>845</v>
      </c>
      <c r="H14" s="263" t="s">
        <v>846</v>
      </c>
      <c r="I14" s="270" t="s">
        <v>847</v>
      </c>
      <c r="J14" s="263" t="s">
        <v>848</v>
      </c>
      <c r="K14" s="263" t="s">
        <v>849</v>
      </c>
      <c r="L14" s="280" t="s">
        <v>850</v>
      </c>
    </row>
    <row r="15" spans="1:17" ht="99">
      <c r="A15" s="643"/>
      <c r="B15" s="649"/>
      <c r="C15" s="271" t="s">
        <v>851</v>
      </c>
      <c r="D15" s="263" t="s">
        <v>852</v>
      </c>
      <c r="E15" s="270" t="s">
        <v>853</v>
      </c>
      <c r="F15" s="270" t="s">
        <v>806</v>
      </c>
      <c r="G15" s="270" t="s">
        <v>854</v>
      </c>
      <c r="H15" s="270" t="s">
        <v>855</v>
      </c>
      <c r="I15" s="270" t="s">
        <v>856</v>
      </c>
      <c r="J15" s="270" t="s">
        <v>857</v>
      </c>
      <c r="K15" s="270" t="s">
        <v>858</v>
      </c>
      <c r="L15" s="281" t="s">
        <v>859</v>
      </c>
      <c r="O15" s="270"/>
      <c r="P15" s="270"/>
    </row>
    <row r="16" spans="1:17" ht="49.5">
      <c r="A16" s="643"/>
      <c r="B16" s="649"/>
      <c r="C16" s="271" t="s">
        <v>860</v>
      </c>
      <c r="D16" s="270" t="s">
        <v>861</v>
      </c>
      <c r="E16" s="270" t="s">
        <v>862</v>
      </c>
      <c r="F16" s="270" t="s">
        <v>819</v>
      </c>
      <c r="G16" s="270" t="s">
        <v>863</v>
      </c>
      <c r="H16" s="270" t="s">
        <v>864</v>
      </c>
      <c r="I16" s="270" t="s">
        <v>865</v>
      </c>
      <c r="J16" s="270" t="s">
        <v>866</v>
      </c>
      <c r="K16" s="270" t="s">
        <v>867</v>
      </c>
      <c r="L16" s="281" t="s">
        <v>868</v>
      </c>
      <c r="O16" s="270"/>
      <c r="P16" s="270"/>
    </row>
    <row r="17" spans="1:16" ht="33">
      <c r="A17" s="643"/>
      <c r="B17" s="649"/>
      <c r="C17" s="271" t="s">
        <v>869</v>
      </c>
      <c r="D17" s="270" t="s">
        <v>870</v>
      </c>
      <c r="E17" s="270" t="s">
        <v>871</v>
      </c>
      <c r="F17" s="263" t="s">
        <v>832</v>
      </c>
      <c r="G17" s="263" t="s">
        <v>872</v>
      </c>
      <c r="H17" s="270" t="s">
        <v>873</v>
      </c>
      <c r="I17" s="270" t="s">
        <v>874</v>
      </c>
      <c r="J17" s="263" t="s">
        <v>875</v>
      </c>
      <c r="K17" s="263" t="s">
        <v>876</v>
      </c>
      <c r="L17" s="280" t="s">
        <v>877</v>
      </c>
    </row>
    <row r="18" spans="1:16" ht="17.25" thickBot="1">
      <c r="A18" s="644"/>
      <c r="B18" s="650"/>
      <c r="C18" s="272"/>
      <c r="D18" s="273"/>
      <c r="E18" s="273"/>
      <c r="F18" s="273"/>
      <c r="G18" s="273"/>
      <c r="H18" s="273"/>
      <c r="I18" s="273"/>
      <c r="J18" s="273"/>
      <c r="K18" s="273"/>
      <c r="L18" s="282"/>
      <c r="O18" s="283"/>
      <c r="P18" s="283"/>
    </row>
    <row r="19" spans="1:16" ht="17.25" thickBot="1">
      <c r="A19" s="284"/>
      <c r="B19" s="285"/>
      <c r="C19" s="283"/>
      <c r="D19" s="283"/>
      <c r="E19" s="283"/>
      <c r="F19" s="283"/>
      <c r="G19" s="283"/>
      <c r="H19" s="283"/>
      <c r="I19" s="283"/>
      <c r="J19" s="283"/>
      <c r="K19" s="283"/>
    </row>
    <row r="20" spans="1:16" ht="72.75" customHeight="1">
      <c r="A20" s="642"/>
      <c r="B20" s="648" t="s">
        <v>878</v>
      </c>
      <c r="C20" s="264"/>
      <c r="D20" s="265"/>
      <c r="E20" s="265"/>
      <c r="F20" s="265"/>
      <c r="G20" s="265"/>
      <c r="H20" s="265"/>
      <c r="I20" s="265"/>
      <c r="J20" s="265"/>
      <c r="K20" s="278"/>
    </row>
    <row r="21" spans="1:16" ht="33">
      <c r="A21" s="643"/>
      <c r="B21" s="649"/>
      <c r="C21" s="267" t="s">
        <v>383</v>
      </c>
      <c r="D21" s="262" t="s">
        <v>26</v>
      </c>
      <c r="E21" s="262" t="s">
        <v>33</v>
      </c>
      <c r="F21" s="262" t="s">
        <v>390</v>
      </c>
      <c r="G21" s="268" t="s">
        <v>391</v>
      </c>
      <c r="H21" s="268" t="s">
        <v>392</v>
      </c>
      <c r="I21" s="268" t="s">
        <v>385</v>
      </c>
      <c r="J21" s="268" t="s">
        <v>387</v>
      </c>
      <c r="K21" s="279" t="s">
        <v>369</v>
      </c>
    </row>
    <row r="22" spans="1:16">
      <c r="A22" s="643"/>
      <c r="B22" s="649"/>
      <c r="C22" s="269" t="s">
        <v>879</v>
      </c>
      <c r="D22" s="263" t="s">
        <v>791</v>
      </c>
      <c r="E22" s="263" t="s">
        <v>847</v>
      </c>
      <c r="F22" s="263" t="s">
        <v>848</v>
      </c>
      <c r="G22" s="263" t="s">
        <v>849</v>
      </c>
      <c r="H22" s="263" t="s">
        <v>850</v>
      </c>
      <c r="I22" s="263" t="s">
        <v>880</v>
      </c>
      <c r="J22" s="263" t="s">
        <v>881</v>
      </c>
      <c r="K22" s="280" t="s">
        <v>882</v>
      </c>
    </row>
    <row r="23" spans="1:16" ht="99">
      <c r="A23" s="643"/>
      <c r="B23" s="649"/>
      <c r="C23" s="271" t="s">
        <v>883</v>
      </c>
      <c r="D23" s="270" t="s">
        <v>806</v>
      </c>
      <c r="E23" s="270" t="s">
        <v>856</v>
      </c>
      <c r="F23" s="270" t="s">
        <v>857</v>
      </c>
      <c r="G23" s="270" t="s">
        <v>858</v>
      </c>
      <c r="H23" s="270" t="s">
        <v>859</v>
      </c>
      <c r="I23" s="270" t="s">
        <v>852</v>
      </c>
      <c r="J23" s="270" t="s">
        <v>853</v>
      </c>
      <c r="K23" s="281" t="s">
        <v>854</v>
      </c>
    </row>
    <row r="24" spans="1:16" ht="66">
      <c r="A24" s="643"/>
      <c r="B24" s="649"/>
      <c r="C24" s="271" t="s">
        <v>884</v>
      </c>
      <c r="D24" s="270" t="s">
        <v>819</v>
      </c>
      <c r="E24" s="263" t="s">
        <v>865</v>
      </c>
      <c r="F24" s="270" t="s">
        <v>885</v>
      </c>
      <c r="G24" s="270" t="s">
        <v>886</v>
      </c>
      <c r="H24" s="270" t="s">
        <v>887</v>
      </c>
      <c r="I24" s="270" t="s">
        <v>888</v>
      </c>
      <c r="J24" s="270" t="s">
        <v>889</v>
      </c>
      <c r="K24" s="281" t="s">
        <v>890</v>
      </c>
    </row>
    <row r="25" spans="1:16">
      <c r="A25" s="643"/>
      <c r="B25" s="649"/>
      <c r="C25" s="269" t="s">
        <v>891</v>
      </c>
      <c r="D25" s="263" t="s">
        <v>832</v>
      </c>
      <c r="E25" s="263" t="s">
        <v>874</v>
      </c>
      <c r="F25" s="263" t="s">
        <v>875</v>
      </c>
      <c r="G25" s="263" t="s">
        <v>876</v>
      </c>
      <c r="H25" s="263" t="s">
        <v>877</v>
      </c>
      <c r="I25" s="263" t="s">
        <v>892</v>
      </c>
      <c r="J25" s="263" t="s">
        <v>893</v>
      </c>
      <c r="K25" s="280" t="s">
        <v>826</v>
      </c>
    </row>
    <row r="26" spans="1:16" ht="17.25" thickBot="1">
      <c r="A26" s="644"/>
      <c r="B26" s="650"/>
      <c r="C26" s="286"/>
      <c r="D26" s="273"/>
      <c r="E26" s="287"/>
      <c r="F26" s="287"/>
      <c r="G26" s="273"/>
      <c r="H26" s="273"/>
      <c r="I26" s="273"/>
      <c r="J26" s="287"/>
      <c r="K26" s="288"/>
    </row>
    <row r="27" spans="1:16" ht="17.25" thickBot="1">
      <c r="A27" s="284"/>
      <c r="B27" s="285"/>
    </row>
    <row r="28" spans="1:16" ht="85.5" customHeight="1">
      <c r="A28" s="642"/>
      <c r="B28" s="648" t="s">
        <v>894</v>
      </c>
      <c r="C28" s="264"/>
      <c r="D28" s="265"/>
      <c r="E28" s="265"/>
      <c r="F28" s="265"/>
      <c r="G28" s="265"/>
      <c r="H28" s="265"/>
      <c r="I28" s="265"/>
      <c r="J28" s="278"/>
    </row>
    <row r="29" spans="1:16" ht="33">
      <c r="A29" s="643"/>
      <c r="B29" s="649"/>
      <c r="C29" s="267" t="s">
        <v>526</v>
      </c>
      <c r="D29" s="262" t="s">
        <v>26</v>
      </c>
      <c r="E29" s="262" t="s">
        <v>33</v>
      </c>
      <c r="F29" s="262" t="s">
        <v>390</v>
      </c>
      <c r="G29" s="268" t="s">
        <v>391</v>
      </c>
      <c r="H29" s="268" t="s">
        <v>392</v>
      </c>
      <c r="I29" s="268" t="s">
        <v>385</v>
      </c>
      <c r="J29" s="279" t="s">
        <v>387</v>
      </c>
    </row>
    <row r="30" spans="1:16">
      <c r="A30" s="643"/>
      <c r="B30" s="649"/>
      <c r="C30" s="269" t="s">
        <v>895</v>
      </c>
      <c r="D30" s="263" t="s">
        <v>791</v>
      </c>
      <c r="E30" s="263" t="s">
        <v>847</v>
      </c>
      <c r="F30" s="263" t="s">
        <v>848</v>
      </c>
      <c r="G30" s="263" t="s">
        <v>849</v>
      </c>
      <c r="H30" s="263" t="s">
        <v>850</v>
      </c>
      <c r="I30" s="263" t="s">
        <v>880</v>
      </c>
      <c r="J30" s="280" t="s">
        <v>881</v>
      </c>
    </row>
    <row r="31" spans="1:16" ht="99">
      <c r="A31" s="643"/>
      <c r="B31" s="649"/>
      <c r="C31" s="271" t="s">
        <v>854</v>
      </c>
      <c r="D31" s="270" t="s">
        <v>806</v>
      </c>
      <c r="E31" s="270" t="s">
        <v>856</v>
      </c>
      <c r="F31" s="270" t="s">
        <v>857</v>
      </c>
      <c r="G31" s="270" t="s">
        <v>858</v>
      </c>
      <c r="H31" s="270" t="s">
        <v>859</v>
      </c>
      <c r="I31" s="270" t="s">
        <v>852</v>
      </c>
      <c r="J31" s="281" t="s">
        <v>853</v>
      </c>
    </row>
    <row r="32" spans="1:16" ht="66">
      <c r="A32" s="643"/>
      <c r="B32" s="649"/>
      <c r="C32" s="271" t="s">
        <v>896</v>
      </c>
      <c r="D32" s="263" t="s">
        <v>819</v>
      </c>
      <c r="E32" s="263" t="s">
        <v>865</v>
      </c>
      <c r="F32" s="270" t="s">
        <v>885</v>
      </c>
      <c r="G32" s="270" t="s">
        <v>886</v>
      </c>
      <c r="H32" s="270" t="s">
        <v>887</v>
      </c>
      <c r="I32" s="270" t="s">
        <v>888</v>
      </c>
      <c r="J32" s="281" t="s">
        <v>889</v>
      </c>
    </row>
    <row r="33" spans="1:14">
      <c r="A33" s="643"/>
      <c r="B33" s="649"/>
      <c r="C33" s="269" t="s">
        <v>897</v>
      </c>
      <c r="D33" s="263" t="s">
        <v>832</v>
      </c>
      <c r="E33" s="263" t="s">
        <v>874</v>
      </c>
      <c r="F33" s="263" t="s">
        <v>875</v>
      </c>
      <c r="G33" s="263" t="s">
        <v>876</v>
      </c>
      <c r="H33" s="263" t="s">
        <v>877</v>
      </c>
      <c r="I33" s="263" t="s">
        <v>892</v>
      </c>
      <c r="J33" s="280" t="s">
        <v>893</v>
      </c>
    </row>
    <row r="34" spans="1:14" ht="17.25" thickBot="1">
      <c r="A34" s="644"/>
      <c r="B34" s="650"/>
      <c r="C34" s="289"/>
      <c r="D34" s="287"/>
      <c r="E34" s="273"/>
      <c r="F34" s="287"/>
      <c r="G34" s="287"/>
      <c r="H34" s="287"/>
      <c r="I34" s="287"/>
      <c r="J34" s="288"/>
    </row>
    <row r="35" spans="1:14" ht="17.25" thickBot="1">
      <c r="A35" s="284"/>
      <c r="B35" s="285"/>
    </row>
    <row r="36" spans="1:14" ht="85.5" customHeight="1">
      <c r="A36" s="651"/>
      <c r="B36" s="648" t="s">
        <v>898</v>
      </c>
      <c r="C36" s="264"/>
      <c r="D36" s="265"/>
      <c r="E36" s="265"/>
      <c r="F36" s="265"/>
      <c r="G36" s="265"/>
      <c r="H36" s="265"/>
      <c r="I36" s="265"/>
      <c r="J36" s="265"/>
      <c r="K36" s="270"/>
      <c r="L36" s="270"/>
      <c r="M36" s="270"/>
      <c r="N36" s="270"/>
    </row>
    <row r="37" spans="1:14">
      <c r="A37" s="652"/>
      <c r="B37" s="649"/>
      <c r="C37" s="267" t="s">
        <v>899</v>
      </c>
      <c r="D37" s="262" t="s">
        <v>368</v>
      </c>
      <c r="E37" s="262" t="s">
        <v>26</v>
      </c>
      <c r="F37" s="262" t="s">
        <v>33</v>
      </c>
      <c r="G37" s="262" t="s">
        <v>390</v>
      </c>
      <c r="H37" s="268" t="s">
        <v>391</v>
      </c>
      <c r="I37" s="268" t="s">
        <v>392</v>
      </c>
      <c r="J37" s="279" t="s">
        <v>524</v>
      </c>
      <c r="K37" s="270"/>
      <c r="L37" s="270"/>
      <c r="M37" s="270"/>
      <c r="N37" s="270"/>
    </row>
    <row r="38" spans="1:14">
      <c r="A38" s="652"/>
      <c r="B38" s="649"/>
      <c r="C38" s="269" t="s">
        <v>900</v>
      </c>
      <c r="D38" s="263" t="s">
        <v>901</v>
      </c>
      <c r="E38" s="263" t="s">
        <v>791</v>
      </c>
      <c r="F38" s="263" t="s">
        <v>847</v>
      </c>
      <c r="G38" s="263" t="s">
        <v>848</v>
      </c>
      <c r="H38" s="263" t="s">
        <v>849</v>
      </c>
      <c r="I38" s="263" t="s">
        <v>850</v>
      </c>
      <c r="J38" s="280" t="s">
        <v>902</v>
      </c>
      <c r="K38" s="270"/>
      <c r="L38" s="270"/>
      <c r="M38" s="270"/>
      <c r="N38" s="270"/>
    </row>
    <row r="39" spans="1:14" ht="99">
      <c r="A39" s="652"/>
      <c r="B39" s="649"/>
      <c r="C39" s="271" t="s">
        <v>852</v>
      </c>
      <c r="D39" s="270" t="s">
        <v>853</v>
      </c>
      <c r="E39" s="270" t="s">
        <v>806</v>
      </c>
      <c r="F39" s="270" t="s">
        <v>856</v>
      </c>
      <c r="G39" s="270" t="s">
        <v>857</v>
      </c>
      <c r="H39" s="270" t="s">
        <v>858</v>
      </c>
      <c r="I39" s="270" t="s">
        <v>859</v>
      </c>
      <c r="J39" s="270" t="s">
        <v>854</v>
      </c>
      <c r="K39" s="270"/>
      <c r="L39" s="270"/>
      <c r="M39" s="270"/>
      <c r="N39" s="270"/>
    </row>
    <row r="40" spans="1:14" ht="49.5">
      <c r="A40" s="652"/>
      <c r="B40" s="649"/>
      <c r="C40" s="271" t="s">
        <v>903</v>
      </c>
      <c r="D40" s="270" t="s">
        <v>904</v>
      </c>
      <c r="E40" s="270" t="s">
        <v>819</v>
      </c>
      <c r="F40" s="270" t="s">
        <v>865</v>
      </c>
      <c r="G40" s="270" t="s">
        <v>885</v>
      </c>
      <c r="H40" s="270" t="s">
        <v>886</v>
      </c>
      <c r="I40" s="270" t="s">
        <v>887</v>
      </c>
      <c r="J40" s="281" t="s">
        <v>905</v>
      </c>
      <c r="K40" s="270"/>
      <c r="L40" s="270"/>
      <c r="M40" s="270"/>
      <c r="N40" s="270"/>
    </row>
    <row r="41" spans="1:14">
      <c r="A41" s="652"/>
      <c r="B41" s="649"/>
      <c r="C41" s="269" t="s">
        <v>906</v>
      </c>
      <c r="D41" s="263" t="s">
        <v>907</v>
      </c>
      <c r="E41" s="263" t="s">
        <v>832</v>
      </c>
      <c r="F41" s="263" t="s">
        <v>874</v>
      </c>
      <c r="G41" s="263" t="s">
        <v>875</v>
      </c>
      <c r="H41" s="263" t="s">
        <v>876</v>
      </c>
      <c r="I41" s="263" t="s">
        <v>877</v>
      </c>
      <c r="J41" s="280" t="s">
        <v>908</v>
      </c>
      <c r="K41" s="270"/>
      <c r="L41" s="270"/>
      <c r="M41" s="270"/>
      <c r="N41" s="270"/>
    </row>
    <row r="42" spans="1:14" ht="17.25" thickBot="1">
      <c r="A42" s="653"/>
      <c r="B42" s="650"/>
      <c r="C42" s="286"/>
      <c r="D42" s="287"/>
      <c r="E42" s="287"/>
      <c r="F42" s="287"/>
      <c r="G42" s="287"/>
      <c r="H42" s="287"/>
      <c r="I42" s="287"/>
      <c r="J42" s="287"/>
      <c r="K42" s="270"/>
      <c r="L42" s="270"/>
      <c r="M42" s="270"/>
      <c r="N42" s="270"/>
    </row>
    <row r="43" spans="1:14" ht="17.25" thickBot="1">
      <c r="A43" s="284"/>
      <c r="B43" s="285"/>
    </row>
    <row r="44" spans="1:14" ht="66" customHeight="1">
      <c r="A44" s="654"/>
      <c r="B44" s="657" t="s">
        <v>909</v>
      </c>
      <c r="C44" s="290"/>
      <c r="D44" s="291"/>
      <c r="E44" s="291"/>
      <c r="F44" s="265"/>
      <c r="G44" s="265"/>
      <c r="H44" s="265"/>
      <c r="I44" s="265"/>
      <c r="J44" s="265"/>
      <c r="K44" s="265"/>
    </row>
    <row r="45" spans="1:14" ht="33">
      <c r="A45" s="655"/>
      <c r="B45" s="658"/>
      <c r="C45" s="267" t="s">
        <v>383</v>
      </c>
      <c r="D45" s="262" t="s">
        <v>369</v>
      </c>
      <c r="E45" s="262" t="s">
        <v>33</v>
      </c>
      <c r="F45" s="262" t="s">
        <v>26</v>
      </c>
      <c r="G45" s="262" t="s">
        <v>390</v>
      </c>
      <c r="H45" s="268" t="s">
        <v>391</v>
      </c>
      <c r="I45" s="268" t="s">
        <v>392</v>
      </c>
      <c r="J45" s="268" t="s">
        <v>385</v>
      </c>
      <c r="K45" s="268" t="s">
        <v>387</v>
      </c>
    </row>
    <row r="46" spans="1:14">
      <c r="A46" s="655"/>
      <c r="B46" s="658"/>
      <c r="C46" s="292" t="s">
        <v>879</v>
      </c>
      <c r="D46" s="293" t="s">
        <v>882</v>
      </c>
      <c r="E46" s="293" t="s">
        <v>847</v>
      </c>
      <c r="F46" s="263" t="s">
        <v>791</v>
      </c>
      <c r="G46" s="263" t="s">
        <v>848</v>
      </c>
      <c r="H46" s="263" t="s">
        <v>849</v>
      </c>
      <c r="I46" s="263" t="s">
        <v>850</v>
      </c>
      <c r="J46" s="263" t="s">
        <v>880</v>
      </c>
      <c r="K46" s="263" t="s">
        <v>881</v>
      </c>
    </row>
    <row r="47" spans="1:14" ht="99">
      <c r="A47" s="655"/>
      <c r="B47" s="658"/>
      <c r="C47" s="294" t="s">
        <v>883</v>
      </c>
      <c r="D47" s="295" t="s">
        <v>854</v>
      </c>
      <c r="E47" s="295" t="s">
        <v>856</v>
      </c>
      <c r="F47" s="270" t="s">
        <v>806</v>
      </c>
      <c r="G47" s="270" t="s">
        <v>857</v>
      </c>
      <c r="H47" s="270" t="s">
        <v>858</v>
      </c>
      <c r="I47" s="270" t="s">
        <v>859</v>
      </c>
      <c r="J47" s="270" t="s">
        <v>852</v>
      </c>
      <c r="K47" s="270" t="s">
        <v>853</v>
      </c>
    </row>
    <row r="48" spans="1:14" ht="66">
      <c r="A48" s="655"/>
      <c r="B48" s="658"/>
      <c r="C48" s="294" t="s">
        <v>910</v>
      </c>
      <c r="D48" s="295" t="s">
        <v>911</v>
      </c>
      <c r="E48" s="295" t="s">
        <v>865</v>
      </c>
      <c r="F48" s="270" t="s">
        <v>819</v>
      </c>
      <c r="G48" s="270" t="s">
        <v>885</v>
      </c>
      <c r="H48" s="270" t="s">
        <v>886</v>
      </c>
      <c r="I48" s="270" t="s">
        <v>887</v>
      </c>
      <c r="J48" s="270" t="s">
        <v>888</v>
      </c>
      <c r="K48" s="270" t="s">
        <v>889</v>
      </c>
    </row>
    <row r="49" spans="1:11">
      <c r="A49" s="655"/>
      <c r="B49" s="658"/>
      <c r="C49" s="292" t="s">
        <v>891</v>
      </c>
      <c r="D49" s="293" t="s">
        <v>826</v>
      </c>
      <c r="E49" s="293" t="s">
        <v>874</v>
      </c>
      <c r="F49" s="263" t="s">
        <v>832</v>
      </c>
      <c r="G49" s="263" t="s">
        <v>875</v>
      </c>
      <c r="H49" s="263" t="s">
        <v>876</v>
      </c>
      <c r="I49" s="263" t="s">
        <v>877</v>
      </c>
      <c r="J49" s="263" t="s">
        <v>892</v>
      </c>
      <c r="K49" s="263" t="s">
        <v>893</v>
      </c>
    </row>
    <row r="50" spans="1:11" ht="17.25" thickBot="1">
      <c r="A50" s="656"/>
      <c r="B50" s="659"/>
      <c r="C50" s="272"/>
      <c r="D50" s="273"/>
      <c r="E50" s="273"/>
      <c r="F50" s="287"/>
      <c r="G50" s="287"/>
      <c r="H50" s="273"/>
      <c r="I50" s="273"/>
      <c r="J50" s="273"/>
      <c r="K50" s="287"/>
    </row>
    <row r="51" spans="1:11" ht="17.25" thickBot="1">
      <c r="A51" s="284"/>
      <c r="B51" s="285"/>
    </row>
    <row r="52" spans="1:11" ht="90" customHeight="1">
      <c r="A52" s="642"/>
      <c r="B52" s="648" t="s">
        <v>912</v>
      </c>
      <c r="C52" s="277" t="s">
        <v>913</v>
      </c>
      <c r="D52" s="296"/>
      <c r="E52" s="296"/>
      <c r="F52" s="296"/>
      <c r="G52" s="278"/>
      <c r="H52" s="270"/>
      <c r="I52" s="270"/>
      <c r="J52" s="270"/>
      <c r="K52" s="270"/>
    </row>
    <row r="53" spans="1:11">
      <c r="A53" s="643"/>
      <c r="B53" s="649"/>
      <c r="C53" s="267" t="s">
        <v>525</v>
      </c>
      <c r="D53" s="262" t="s">
        <v>33</v>
      </c>
      <c r="E53" s="262" t="s">
        <v>390</v>
      </c>
      <c r="F53" s="268" t="s">
        <v>391</v>
      </c>
      <c r="G53" s="279" t="s">
        <v>392</v>
      </c>
      <c r="H53" s="270"/>
      <c r="I53" s="270"/>
      <c r="J53" s="270"/>
      <c r="K53" s="270"/>
    </row>
    <row r="54" spans="1:11">
      <c r="A54" s="643"/>
      <c r="B54" s="649"/>
      <c r="C54" s="269" t="s">
        <v>914</v>
      </c>
      <c r="D54" s="263" t="s">
        <v>847</v>
      </c>
      <c r="E54" s="263" t="s">
        <v>848</v>
      </c>
      <c r="F54" s="263" t="s">
        <v>849</v>
      </c>
      <c r="G54" s="280" t="s">
        <v>850</v>
      </c>
      <c r="H54" s="270"/>
      <c r="I54" s="270"/>
      <c r="J54" s="270"/>
      <c r="K54" s="270"/>
    </row>
    <row r="55" spans="1:11" ht="99">
      <c r="A55" s="643"/>
      <c r="B55" s="649"/>
      <c r="C55" s="271" t="s">
        <v>854</v>
      </c>
      <c r="D55" s="270" t="s">
        <v>856</v>
      </c>
      <c r="E55" s="270" t="s">
        <v>857</v>
      </c>
      <c r="F55" s="270" t="s">
        <v>858</v>
      </c>
      <c r="G55" s="281" t="s">
        <v>859</v>
      </c>
      <c r="H55" s="270"/>
      <c r="I55" s="270"/>
      <c r="J55" s="270"/>
      <c r="K55" s="270"/>
    </row>
    <row r="56" spans="1:11" ht="49.5">
      <c r="A56" s="643"/>
      <c r="B56" s="649"/>
      <c r="C56" s="271" t="s">
        <v>915</v>
      </c>
      <c r="D56" s="270" t="s">
        <v>865</v>
      </c>
      <c r="E56" s="270" t="s">
        <v>885</v>
      </c>
      <c r="F56" s="270" t="s">
        <v>886</v>
      </c>
      <c r="G56" s="281" t="s">
        <v>887</v>
      </c>
      <c r="H56" s="270"/>
      <c r="I56" s="270"/>
      <c r="J56" s="270"/>
      <c r="K56" s="270"/>
    </row>
    <row r="57" spans="1:11">
      <c r="A57" s="643"/>
      <c r="B57" s="649"/>
      <c r="C57" s="271" t="s">
        <v>916</v>
      </c>
      <c r="D57" s="270" t="s">
        <v>874</v>
      </c>
      <c r="E57" s="263" t="s">
        <v>875</v>
      </c>
      <c r="F57" s="263" t="s">
        <v>876</v>
      </c>
      <c r="G57" s="280" t="s">
        <v>877</v>
      </c>
      <c r="H57" s="270"/>
      <c r="I57" s="270"/>
      <c r="J57" s="270"/>
      <c r="K57" s="270"/>
    </row>
    <row r="58" spans="1:11" ht="17.25" thickBot="1">
      <c r="A58" s="644"/>
      <c r="B58" s="650"/>
      <c r="C58" s="272"/>
      <c r="D58" s="273"/>
      <c r="E58" s="273"/>
      <c r="F58" s="273"/>
      <c r="G58" s="297"/>
      <c r="H58" s="270"/>
      <c r="I58" s="270"/>
      <c r="J58" s="270"/>
      <c r="K58" s="270"/>
    </row>
    <row r="59" spans="1:11" ht="17.25" thickBot="1">
      <c r="A59" s="284"/>
      <c r="B59" s="285"/>
    </row>
    <row r="60" spans="1:11" ht="91.7" customHeight="1">
      <c r="A60" s="642"/>
      <c r="B60" s="648" t="s">
        <v>917</v>
      </c>
      <c r="C60" s="277"/>
      <c r="D60" s="296"/>
      <c r="E60" s="296"/>
      <c r="F60" s="296"/>
      <c r="G60" s="278"/>
    </row>
    <row r="61" spans="1:11">
      <c r="A61" s="643"/>
      <c r="B61" s="649"/>
      <c r="C61" s="267" t="s">
        <v>524</v>
      </c>
      <c r="D61" s="262" t="s">
        <v>33</v>
      </c>
      <c r="E61" s="262" t="s">
        <v>390</v>
      </c>
      <c r="F61" s="268" t="s">
        <v>391</v>
      </c>
      <c r="G61" s="279" t="s">
        <v>392</v>
      </c>
    </row>
    <row r="62" spans="1:11">
      <c r="A62" s="643"/>
      <c r="B62" s="649"/>
      <c r="C62" s="269" t="s">
        <v>902</v>
      </c>
      <c r="D62" s="263" t="s">
        <v>847</v>
      </c>
      <c r="E62" s="263" t="s">
        <v>848</v>
      </c>
      <c r="F62" s="263" t="s">
        <v>849</v>
      </c>
      <c r="G62" s="280" t="s">
        <v>850</v>
      </c>
    </row>
    <row r="63" spans="1:11" ht="99">
      <c r="A63" s="643"/>
      <c r="B63" s="649"/>
      <c r="C63" s="271" t="s">
        <v>854</v>
      </c>
      <c r="D63" s="270" t="s">
        <v>856</v>
      </c>
      <c r="E63" s="270" t="s">
        <v>857</v>
      </c>
      <c r="F63" s="270" t="s">
        <v>858</v>
      </c>
      <c r="G63" s="281" t="s">
        <v>859</v>
      </c>
    </row>
    <row r="64" spans="1:11" ht="49.5">
      <c r="A64" s="643"/>
      <c r="B64" s="649"/>
      <c r="C64" s="271" t="s">
        <v>918</v>
      </c>
      <c r="D64" s="270" t="s">
        <v>865</v>
      </c>
      <c r="E64" s="270" t="s">
        <v>885</v>
      </c>
      <c r="F64" s="270" t="s">
        <v>886</v>
      </c>
      <c r="G64" s="281" t="s">
        <v>887</v>
      </c>
    </row>
    <row r="65" spans="1:7">
      <c r="A65" s="643"/>
      <c r="B65" s="649"/>
      <c r="C65" s="271" t="s">
        <v>897</v>
      </c>
      <c r="D65" s="270" t="s">
        <v>874</v>
      </c>
      <c r="E65" s="263" t="s">
        <v>875</v>
      </c>
      <c r="F65" s="263" t="s">
        <v>876</v>
      </c>
      <c r="G65" s="280" t="s">
        <v>877</v>
      </c>
    </row>
    <row r="66" spans="1:7" ht="17.25" thickBot="1">
      <c r="A66" s="644"/>
      <c r="B66" s="650"/>
      <c r="C66" s="272"/>
      <c r="D66" s="298"/>
      <c r="E66" s="273"/>
      <c r="F66" s="273"/>
      <c r="G66" s="297"/>
    </row>
    <row r="67" spans="1:7">
      <c r="A67" s="284"/>
      <c r="B67" s="285"/>
      <c r="C67" s="283"/>
      <c r="D67" s="283"/>
      <c r="E67" s="283"/>
      <c r="F67" s="283"/>
      <c r="G67" s="283"/>
    </row>
    <row r="68" spans="1:7" ht="17.25" thickBot="1">
      <c r="A68" s="262" t="s">
        <v>919</v>
      </c>
      <c r="B68" s="262"/>
      <c r="C68" s="262"/>
      <c r="D68" s="299"/>
      <c r="E68" s="262"/>
      <c r="F68" s="262"/>
      <c r="G68" s="262"/>
    </row>
    <row r="69" spans="1:7" ht="80.25" customHeight="1">
      <c r="A69" s="642"/>
      <c r="B69" s="649" t="s">
        <v>920</v>
      </c>
      <c r="C69" s="277"/>
      <c r="D69" s="296"/>
      <c r="E69" s="296"/>
      <c r="F69" s="296"/>
      <c r="G69" s="300"/>
    </row>
    <row r="70" spans="1:7">
      <c r="A70" s="643"/>
      <c r="B70" s="649"/>
      <c r="C70" s="267" t="s">
        <v>373</v>
      </c>
      <c r="D70" s="262" t="s">
        <v>527</v>
      </c>
      <c r="E70" s="262" t="s">
        <v>393</v>
      </c>
      <c r="F70" s="262" t="s">
        <v>33</v>
      </c>
      <c r="G70" s="262" t="s">
        <v>388</v>
      </c>
    </row>
    <row r="71" spans="1:7">
      <c r="A71" s="643"/>
      <c r="B71" s="649"/>
      <c r="C71" s="269" t="s">
        <v>921</v>
      </c>
      <c r="D71" s="263" t="s">
        <v>922</v>
      </c>
      <c r="E71" s="293" t="s">
        <v>923</v>
      </c>
      <c r="F71" s="263" t="s">
        <v>847</v>
      </c>
      <c r="G71" s="280" t="s">
        <v>924</v>
      </c>
    </row>
    <row r="72" spans="1:7" ht="49.5">
      <c r="A72" s="643"/>
      <c r="B72" s="649"/>
      <c r="C72" s="271" t="s">
        <v>925</v>
      </c>
      <c r="D72" s="270" t="s">
        <v>926</v>
      </c>
      <c r="E72" s="295" t="s">
        <v>927</v>
      </c>
      <c r="F72" s="270" t="s">
        <v>856</v>
      </c>
      <c r="G72" s="281" t="s">
        <v>926</v>
      </c>
    </row>
    <row r="73" spans="1:7" ht="66">
      <c r="A73" s="643"/>
      <c r="B73" s="649"/>
      <c r="C73" s="271" t="s">
        <v>928</v>
      </c>
      <c r="D73" s="270" t="s">
        <v>929</v>
      </c>
      <c r="E73" s="295" t="s">
        <v>930</v>
      </c>
      <c r="F73" s="270" t="s">
        <v>865</v>
      </c>
      <c r="G73" s="281" t="s">
        <v>931</v>
      </c>
    </row>
    <row r="74" spans="1:7">
      <c r="A74" s="643"/>
      <c r="B74" s="649"/>
      <c r="C74" s="271" t="s">
        <v>826</v>
      </c>
      <c r="D74" s="270" t="s">
        <v>932</v>
      </c>
      <c r="E74" s="293" t="s">
        <v>933</v>
      </c>
      <c r="F74" s="270" t="s">
        <v>874</v>
      </c>
      <c r="G74" s="281" t="s">
        <v>934</v>
      </c>
    </row>
    <row r="75" spans="1:7" ht="17.25" thickBot="1">
      <c r="A75" s="644"/>
      <c r="B75" s="650"/>
      <c r="C75" s="272"/>
      <c r="D75" s="273"/>
      <c r="E75" s="273"/>
      <c r="F75" s="273"/>
      <c r="G75" s="297"/>
    </row>
    <row r="76" spans="1:7">
      <c r="A76" s="284"/>
      <c r="B76" s="285"/>
      <c r="C76" s="283"/>
      <c r="D76" s="283"/>
      <c r="E76" s="283"/>
      <c r="F76" s="283"/>
    </row>
    <row r="77" spans="1:7" ht="71.25" customHeight="1">
      <c r="A77" s="660"/>
      <c r="B77" s="661" t="s">
        <v>935</v>
      </c>
      <c r="C77" s="301"/>
      <c r="D77" s="301"/>
      <c r="E77" s="301"/>
      <c r="F77" s="301"/>
    </row>
    <row r="78" spans="1:7">
      <c r="A78" s="660"/>
      <c r="B78" s="661"/>
      <c r="C78" s="302" t="s">
        <v>373</v>
      </c>
      <c r="D78" s="302" t="s">
        <v>527</v>
      </c>
      <c r="E78" s="302" t="s">
        <v>393</v>
      </c>
      <c r="F78" s="302" t="s">
        <v>33</v>
      </c>
    </row>
    <row r="79" spans="1:7">
      <c r="A79" s="660"/>
      <c r="B79" s="661"/>
      <c r="C79" s="303" t="s">
        <v>921</v>
      </c>
      <c r="D79" s="303" t="s">
        <v>922</v>
      </c>
      <c r="E79" s="304" t="s">
        <v>923</v>
      </c>
      <c r="F79" s="303" t="s">
        <v>847</v>
      </c>
    </row>
    <row r="80" spans="1:7" ht="49.5">
      <c r="A80" s="660"/>
      <c r="B80" s="661"/>
      <c r="C80" s="305" t="s">
        <v>925</v>
      </c>
      <c r="D80" s="305" t="s">
        <v>926</v>
      </c>
      <c r="E80" s="306" t="s">
        <v>927</v>
      </c>
      <c r="F80" s="305" t="s">
        <v>856</v>
      </c>
    </row>
    <row r="81" spans="1:7" ht="66">
      <c r="A81" s="660"/>
      <c r="B81" s="661"/>
      <c r="C81" s="305" t="s">
        <v>928</v>
      </c>
      <c r="D81" s="305" t="s">
        <v>929</v>
      </c>
      <c r="E81" s="295" t="s">
        <v>930</v>
      </c>
      <c r="F81" s="305" t="s">
        <v>865</v>
      </c>
    </row>
    <row r="82" spans="1:7">
      <c r="A82" s="660"/>
      <c r="B82" s="661"/>
      <c r="C82" s="305" t="s">
        <v>826</v>
      </c>
      <c r="D82" s="305" t="s">
        <v>932</v>
      </c>
      <c r="E82" s="293" t="s">
        <v>933</v>
      </c>
      <c r="F82" s="305" t="s">
        <v>874</v>
      </c>
    </row>
    <row r="83" spans="1:7">
      <c r="A83" s="284"/>
      <c r="B83" s="285"/>
      <c r="C83" s="270"/>
      <c r="D83" s="270"/>
      <c r="E83" s="293"/>
      <c r="F83" s="270"/>
    </row>
    <row r="84" spans="1:7" ht="85.5" customHeight="1">
      <c r="A84" s="662"/>
      <c r="B84" s="661" t="s">
        <v>936</v>
      </c>
      <c r="C84" s="305"/>
      <c r="D84" s="305"/>
      <c r="E84" s="305"/>
      <c r="F84" s="305"/>
      <c r="G84" s="307"/>
    </row>
    <row r="85" spans="1:7">
      <c r="A85" s="662"/>
      <c r="B85" s="661"/>
      <c r="C85" s="302" t="s">
        <v>22</v>
      </c>
      <c r="D85" s="302" t="s">
        <v>529</v>
      </c>
      <c r="E85" s="302" t="s">
        <v>373</v>
      </c>
      <c r="F85" s="302" t="s">
        <v>23</v>
      </c>
      <c r="G85" s="307"/>
    </row>
    <row r="86" spans="1:7">
      <c r="A86" s="662"/>
      <c r="B86" s="661"/>
      <c r="C86" s="305" t="s">
        <v>784</v>
      </c>
      <c r="D86" s="305" t="s">
        <v>937</v>
      </c>
      <c r="E86" s="305" t="s">
        <v>921</v>
      </c>
      <c r="F86" s="305" t="s">
        <v>785</v>
      </c>
      <c r="G86" s="307"/>
    </row>
    <row r="87" spans="1:7" ht="33">
      <c r="A87" s="662"/>
      <c r="B87" s="661"/>
      <c r="C87" s="305" t="s">
        <v>799</v>
      </c>
      <c r="D87" s="305" t="s">
        <v>938</v>
      </c>
      <c r="E87" s="305" t="s">
        <v>925</v>
      </c>
      <c r="F87" s="305" t="s">
        <v>800</v>
      </c>
      <c r="G87" s="307"/>
    </row>
    <row r="88" spans="1:7" ht="49.5">
      <c r="A88" s="662"/>
      <c r="B88" s="661"/>
      <c r="C88" s="305" t="s">
        <v>812</v>
      </c>
      <c r="D88" s="305" t="s">
        <v>939</v>
      </c>
      <c r="E88" s="305" t="s">
        <v>928</v>
      </c>
      <c r="F88" s="305" t="s">
        <v>813</v>
      </c>
      <c r="G88" s="307"/>
    </row>
    <row r="89" spans="1:7">
      <c r="A89" s="662"/>
      <c r="B89" s="661"/>
      <c r="C89" s="305" t="s">
        <v>826</v>
      </c>
      <c r="D89" s="305" t="s">
        <v>940</v>
      </c>
      <c r="E89" s="305" t="s">
        <v>826</v>
      </c>
      <c r="F89" s="305" t="s">
        <v>826</v>
      </c>
      <c r="G89" s="307"/>
    </row>
    <row r="90" spans="1:7">
      <c r="B90" s="270"/>
      <c r="C90" s="283"/>
      <c r="D90" s="283"/>
      <c r="E90" s="283"/>
      <c r="F90" s="283"/>
      <c r="G90" s="283"/>
    </row>
    <row r="92" spans="1:7" ht="93" customHeight="1">
      <c r="A92" s="642"/>
      <c r="B92" s="648" t="s">
        <v>941</v>
      </c>
      <c r="C92" s="277"/>
      <c r="D92" s="296"/>
      <c r="E92" s="296"/>
      <c r="F92" s="300"/>
    </row>
    <row r="93" spans="1:7">
      <c r="A93" s="643"/>
      <c r="B93" s="649"/>
      <c r="C93" s="267" t="s">
        <v>528</v>
      </c>
      <c r="D93" s="262" t="s">
        <v>373</v>
      </c>
      <c r="E93" s="262" t="s">
        <v>33</v>
      </c>
      <c r="F93" s="308" t="s">
        <v>393</v>
      </c>
    </row>
    <row r="94" spans="1:7">
      <c r="A94" s="643"/>
      <c r="B94" s="649"/>
      <c r="C94" s="292" t="s">
        <v>942</v>
      </c>
      <c r="D94" s="293" t="s">
        <v>921</v>
      </c>
      <c r="E94" s="293" t="s">
        <v>847</v>
      </c>
      <c r="F94" s="309" t="s">
        <v>923</v>
      </c>
    </row>
    <row r="95" spans="1:7" ht="49.5">
      <c r="A95" s="643"/>
      <c r="B95" s="649"/>
      <c r="C95" s="310" t="s">
        <v>926</v>
      </c>
      <c r="D95" s="311" t="s">
        <v>925</v>
      </c>
      <c r="E95" s="311" t="s">
        <v>856</v>
      </c>
      <c r="F95" s="312" t="s">
        <v>927</v>
      </c>
    </row>
    <row r="96" spans="1:7" ht="66">
      <c r="A96" s="643"/>
      <c r="B96" s="649"/>
      <c r="C96" s="294" t="s">
        <v>943</v>
      </c>
      <c r="D96" s="295" t="s">
        <v>928</v>
      </c>
      <c r="E96" s="295" t="s">
        <v>865</v>
      </c>
      <c r="F96" s="312" t="s">
        <v>930</v>
      </c>
    </row>
    <row r="97" spans="1:6">
      <c r="A97" s="643"/>
      <c r="B97" s="649"/>
      <c r="C97" s="292" t="s">
        <v>826</v>
      </c>
      <c r="D97" s="293" t="s">
        <v>826</v>
      </c>
      <c r="E97" s="293" t="s">
        <v>874</v>
      </c>
      <c r="F97" s="309" t="s">
        <v>933</v>
      </c>
    </row>
    <row r="98" spans="1:6" ht="17.25" thickBot="1">
      <c r="A98" s="644"/>
      <c r="B98" s="650"/>
      <c r="C98" s="272"/>
      <c r="D98" s="273"/>
      <c r="E98" s="273"/>
      <c r="F98" s="297"/>
    </row>
    <row r="99" spans="1:6" ht="17.25" thickBot="1">
      <c r="A99" s="284"/>
      <c r="B99" s="285"/>
      <c r="C99" s="283"/>
      <c r="D99" s="283"/>
      <c r="E99" s="283"/>
      <c r="F99" s="283"/>
    </row>
    <row r="100" spans="1:6" ht="72.75" customHeight="1">
      <c r="A100" s="642"/>
      <c r="B100" s="648" t="s">
        <v>944</v>
      </c>
      <c r="C100" s="277"/>
      <c r="D100" s="296"/>
      <c r="E100" s="296"/>
      <c r="F100" s="300"/>
    </row>
    <row r="101" spans="1:6">
      <c r="A101" s="643"/>
      <c r="B101" s="649"/>
      <c r="C101" s="267" t="s">
        <v>380</v>
      </c>
      <c r="D101" s="262" t="s">
        <v>33</v>
      </c>
      <c r="E101" s="262" t="s">
        <v>393</v>
      </c>
      <c r="F101" s="308" t="s">
        <v>389</v>
      </c>
    </row>
    <row r="102" spans="1:6">
      <c r="A102" s="643"/>
      <c r="B102" s="649"/>
      <c r="C102" s="292" t="s">
        <v>945</v>
      </c>
      <c r="D102" s="293" t="s">
        <v>847</v>
      </c>
      <c r="E102" s="293" t="s">
        <v>923</v>
      </c>
      <c r="F102" s="309" t="s">
        <v>946</v>
      </c>
    </row>
    <row r="103" spans="1:6" ht="49.5">
      <c r="A103" s="643"/>
      <c r="B103" s="649"/>
      <c r="C103" s="310" t="s">
        <v>926</v>
      </c>
      <c r="D103" s="311" t="s">
        <v>856</v>
      </c>
      <c r="E103" s="295" t="s">
        <v>927</v>
      </c>
      <c r="F103" s="312" t="s">
        <v>926</v>
      </c>
    </row>
    <row r="104" spans="1:6" ht="66">
      <c r="A104" s="643"/>
      <c r="B104" s="649"/>
      <c r="C104" s="294" t="s">
        <v>943</v>
      </c>
      <c r="D104" s="295" t="s">
        <v>865</v>
      </c>
      <c r="E104" s="295" t="s">
        <v>930</v>
      </c>
      <c r="F104" s="312" t="s">
        <v>947</v>
      </c>
    </row>
    <row r="105" spans="1:6">
      <c r="A105" s="643"/>
      <c r="B105" s="649"/>
      <c r="C105" s="292" t="s">
        <v>826</v>
      </c>
      <c r="D105" s="293" t="s">
        <v>874</v>
      </c>
      <c r="E105" s="293" t="s">
        <v>933</v>
      </c>
      <c r="F105" s="309" t="s">
        <v>877</v>
      </c>
    </row>
    <row r="106" spans="1:6" ht="17.25" thickBot="1">
      <c r="A106" s="644"/>
      <c r="B106" s="650"/>
      <c r="C106" s="272"/>
      <c r="D106" s="273"/>
      <c r="E106" s="273"/>
      <c r="F106" s="297"/>
    </row>
    <row r="107" spans="1:6">
      <c r="A107" s="284"/>
      <c r="B107" s="285"/>
      <c r="C107" s="283"/>
      <c r="D107" s="283"/>
      <c r="E107" s="283"/>
      <c r="F107" s="283"/>
    </row>
    <row r="109" spans="1:6" ht="17.25" thickBot="1">
      <c r="A109" s="262" t="s">
        <v>948</v>
      </c>
      <c r="B109" s="262"/>
      <c r="C109" s="262"/>
      <c r="D109" s="262"/>
      <c r="E109" s="262"/>
      <c r="F109" s="262"/>
    </row>
    <row r="110" spans="1:6" ht="88.5" customHeight="1">
      <c r="A110" s="642"/>
      <c r="B110" s="648" t="s">
        <v>949</v>
      </c>
      <c r="C110" s="264"/>
      <c r="D110" s="265"/>
      <c r="E110" s="265"/>
      <c r="F110" s="278"/>
    </row>
    <row r="111" spans="1:6">
      <c r="A111" s="643"/>
      <c r="B111" s="649"/>
      <c r="C111" s="267" t="s">
        <v>36</v>
      </c>
      <c r="D111" s="262" t="s">
        <v>30</v>
      </c>
      <c r="E111" s="268" t="s">
        <v>37</v>
      </c>
      <c r="F111" s="279" t="s">
        <v>38</v>
      </c>
    </row>
    <row r="112" spans="1:6">
      <c r="A112" s="643"/>
      <c r="B112" s="649"/>
      <c r="C112" s="269" t="s">
        <v>950</v>
      </c>
      <c r="D112" s="263" t="s">
        <v>951</v>
      </c>
      <c r="E112" s="263" t="s">
        <v>952</v>
      </c>
      <c r="F112" s="280" t="s">
        <v>953</v>
      </c>
    </row>
    <row r="113" spans="1:10" ht="82.5">
      <c r="A113" s="643"/>
      <c r="B113" s="649"/>
      <c r="C113" s="271" t="s">
        <v>954</v>
      </c>
      <c r="D113" s="270" t="s">
        <v>955</v>
      </c>
      <c r="E113" s="270" t="s">
        <v>956</v>
      </c>
      <c r="F113" s="281" t="s">
        <v>957</v>
      </c>
    </row>
    <row r="114" spans="1:10" ht="33">
      <c r="A114" s="643"/>
      <c r="B114" s="649"/>
      <c r="C114" s="271" t="s">
        <v>958</v>
      </c>
      <c r="D114" s="270" t="s">
        <v>959</v>
      </c>
      <c r="E114" s="270" t="s">
        <v>960</v>
      </c>
      <c r="F114" s="281" t="s">
        <v>961</v>
      </c>
    </row>
    <row r="115" spans="1:10">
      <c r="A115" s="643"/>
      <c r="B115" s="649"/>
      <c r="C115" s="269" t="s">
        <v>962</v>
      </c>
      <c r="D115" s="263" t="s">
        <v>963</v>
      </c>
      <c r="E115" s="263" t="s">
        <v>964</v>
      </c>
      <c r="F115" s="280" t="s">
        <v>965</v>
      </c>
    </row>
    <row r="116" spans="1:10" ht="17.25" thickBot="1">
      <c r="A116" s="643"/>
      <c r="B116" s="649"/>
      <c r="C116" s="272"/>
      <c r="D116" s="273"/>
      <c r="E116" s="273"/>
      <c r="F116" s="297"/>
    </row>
    <row r="117" spans="1:10" ht="17.25" thickBot="1">
      <c r="A117" s="643"/>
      <c r="B117" s="663"/>
    </row>
    <row r="118" spans="1:10" ht="93" customHeight="1">
      <c r="A118" s="643"/>
      <c r="B118" s="663"/>
      <c r="C118" s="264"/>
      <c r="D118" s="265"/>
      <c r="E118" s="265"/>
      <c r="F118" s="265"/>
      <c r="G118" s="265"/>
      <c r="H118" s="265"/>
      <c r="I118" s="265"/>
      <c r="J118" s="278"/>
    </row>
    <row r="119" spans="1:10" ht="33">
      <c r="A119" s="643"/>
      <c r="B119" s="649"/>
      <c r="C119" s="267" t="s">
        <v>39</v>
      </c>
      <c r="D119" s="268" t="s">
        <v>40</v>
      </c>
      <c r="E119" s="268" t="s">
        <v>41</v>
      </c>
      <c r="F119" s="262" t="s">
        <v>42</v>
      </c>
      <c r="G119" s="262" t="s">
        <v>966</v>
      </c>
      <c r="H119" s="262" t="s">
        <v>967</v>
      </c>
      <c r="I119" s="262" t="s">
        <v>968</v>
      </c>
      <c r="J119" s="279" t="s">
        <v>969</v>
      </c>
    </row>
    <row r="120" spans="1:10">
      <c r="A120" s="643"/>
      <c r="B120" s="663"/>
      <c r="C120" s="269" t="s">
        <v>970</v>
      </c>
      <c r="D120" s="263" t="s">
        <v>971</v>
      </c>
      <c r="E120" s="263" t="s">
        <v>972</v>
      </c>
      <c r="F120" s="263" t="s">
        <v>973</v>
      </c>
      <c r="G120" s="263" t="s">
        <v>974</v>
      </c>
      <c r="H120" s="263" t="s">
        <v>975</v>
      </c>
      <c r="I120" s="263" t="s">
        <v>976</v>
      </c>
      <c r="J120" s="280" t="s">
        <v>977</v>
      </c>
    </row>
    <row r="121" spans="1:10" ht="49.5">
      <c r="A121" s="643"/>
      <c r="B121" s="663"/>
      <c r="C121" s="271" t="s">
        <v>852</v>
      </c>
      <c r="D121" s="270" t="s">
        <v>938</v>
      </c>
      <c r="E121" s="270" t="s">
        <v>938</v>
      </c>
      <c r="F121" s="270" t="s">
        <v>854</v>
      </c>
      <c r="G121" s="270" t="s">
        <v>978</v>
      </c>
      <c r="H121" s="270" t="s">
        <v>979</v>
      </c>
      <c r="I121" s="270" t="s">
        <v>978</v>
      </c>
      <c r="J121" s="281" t="s">
        <v>979</v>
      </c>
    </row>
    <row r="122" spans="1:10" ht="49.5">
      <c r="A122" s="643"/>
      <c r="B122" s="663"/>
      <c r="C122" s="271" t="s">
        <v>980</v>
      </c>
      <c r="D122" s="270" t="s">
        <v>981</v>
      </c>
      <c r="E122" s="270"/>
      <c r="F122" s="270" t="s">
        <v>982</v>
      </c>
      <c r="G122" s="270" t="s">
        <v>983</v>
      </c>
      <c r="H122" s="270" t="s">
        <v>984</v>
      </c>
      <c r="I122" s="270" t="s">
        <v>983</v>
      </c>
      <c r="J122" s="281" t="s">
        <v>984</v>
      </c>
    </row>
    <row r="123" spans="1:10">
      <c r="A123" s="643"/>
      <c r="B123" s="663"/>
      <c r="C123" s="269" t="s">
        <v>985</v>
      </c>
      <c r="D123" s="263" t="s">
        <v>986</v>
      </c>
      <c r="E123" s="263" t="s">
        <v>987</v>
      </c>
      <c r="F123" s="263" t="s">
        <v>988</v>
      </c>
      <c r="G123" s="263" t="s">
        <v>989</v>
      </c>
      <c r="H123" s="263" t="s">
        <v>990</v>
      </c>
      <c r="I123" s="263" t="s">
        <v>989</v>
      </c>
      <c r="J123" s="280" t="s">
        <v>990</v>
      </c>
    </row>
    <row r="124" spans="1:10" ht="17.25" thickBot="1">
      <c r="A124" s="644"/>
      <c r="B124" s="650"/>
      <c r="C124" s="272"/>
      <c r="D124" s="273"/>
      <c r="E124" s="273"/>
      <c r="F124" s="273"/>
      <c r="G124" s="273"/>
      <c r="H124" s="273"/>
      <c r="I124" s="273"/>
      <c r="J124" s="297"/>
    </row>
    <row r="125" spans="1:10" ht="17.25" thickBot="1">
      <c r="A125" s="284"/>
      <c r="B125" s="285"/>
    </row>
    <row r="126" spans="1:10" ht="94.5" customHeight="1">
      <c r="A126" s="642"/>
      <c r="B126" s="648" t="s">
        <v>991</v>
      </c>
      <c r="C126" s="264"/>
      <c r="D126" s="265"/>
      <c r="E126" s="265"/>
      <c r="F126" s="278"/>
    </row>
    <row r="127" spans="1:10">
      <c r="A127" s="643"/>
      <c r="B127" s="649"/>
      <c r="C127" s="267" t="s">
        <v>36</v>
      </c>
      <c r="D127" s="262" t="s">
        <v>30</v>
      </c>
      <c r="E127" s="268" t="s">
        <v>37</v>
      </c>
      <c r="F127" s="279" t="s">
        <v>38</v>
      </c>
    </row>
    <row r="128" spans="1:10">
      <c r="A128" s="643"/>
      <c r="B128" s="649"/>
      <c r="C128" s="269" t="s">
        <v>950</v>
      </c>
      <c r="D128" s="263" t="s">
        <v>951</v>
      </c>
      <c r="E128" s="263" t="s">
        <v>952</v>
      </c>
      <c r="F128" s="280" t="s">
        <v>953</v>
      </c>
    </row>
    <row r="129" spans="1:10" ht="66">
      <c r="A129" s="643"/>
      <c r="B129" s="649"/>
      <c r="C129" s="271" t="s">
        <v>954</v>
      </c>
      <c r="D129" s="270" t="s">
        <v>955</v>
      </c>
      <c r="E129" s="270" t="s">
        <v>992</v>
      </c>
      <c r="F129" s="281" t="s">
        <v>993</v>
      </c>
    </row>
    <row r="130" spans="1:10" ht="33">
      <c r="A130" s="643"/>
      <c r="B130" s="649"/>
      <c r="C130" s="271" t="s">
        <v>994</v>
      </c>
      <c r="D130" s="270" t="s">
        <v>995</v>
      </c>
      <c r="E130" s="270" t="s">
        <v>960</v>
      </c>
      <c r="F130" s="281" t="s">
        <v>961</v>
      </c>
    </row>
    <row r="131" spans="1:10">
      <c r="A131" s="643"/>
      <c r="B131" s="649"/>
      <c r="C131" s="269" t="s">
        <v>962</v>
      </c>
      <c r="D131" s="263" t="s">
        <v>963</v>
      </c>
      <c r="E131" s="263" t="s">
        <v>964</v>
      </c>
      <c r="F131" s="280" t="s">
        <v>965</v>
      </c>
    </row>
    <row r="132" spans="1:10" ht="17.25" thickBot="1">
      <c r="A132" s="643"/>
      <c r="B132" s="649"/>
      <c r="C132" s="272"/>
      <c r="D132" s="273"/>
      <c r="E132" s="273"/>
      <c r="F132" s="297"/>
    </row>
    <row r="133" spans="1:10" ht="17.25" thickBot="1">
      <c r="A133" s="643"/>
      <c r="B133" s="663"/>
    </row>
    <row r="134" spans="1:10" ht="87" customHeight="1">
      <c r="A134" s="643"/>
      <c r="B134" s="663"/>
      <c r="C134" s="264"/>
      <c r="D134" s="265"/>
      <c r="E134" s="265"/>
      <c r="F134" s="265"/>
      <c r="G134" s="265"/>
      <c r="H134" s="265"/>
      <c r="I134" s="278"/>
    </row>
    <row r="135" spans="1:10">
      <c r="A135" s="643"/>
      <c r="B135" s="663"/>
      <c r="C135" s="313" t="s">
        <v>40</v>
      </c>
      <c r="D135" s="268" t="s">
        <v>41</v>
      </c>
      <c r="E135" s="262" t="s">
        <v>42</v>
      </c>
      <c r="F135" s="262" t="s">
        <v>966</v>
      </c>
      <c r="G135" s="262" t="s">
        <v>967</v>
      </c>
      <c r="H135" s="262" t="s">
        <v>968</v>
      </c>
      <c r="I135" s="308" t="s">
        <v>969</v>
      </c>
    </row>
    <row r="136" spans="1:10">
      <c r="A136" s="643"/>
      <c r="B136" s="663"/>
      <c r="C136" s="269" t="s">
        <v>971</v>
      </c>
      <c r="D136" s="263" t="s">
        <v>972</v>
      </c>
      <c r="E136" s="263" t="s">
        <v>973</v>
      </c>
      <c r="F136" s="263" t="s">
        <v>974</v>
      </c>
      <c r="G136" s="263" t="s">
        <v>975</v>
      </c>
      <c r="H136" s="263" t="s">
        <v>976</v>
      </c>
      <c r="I136" s="280" t="s">
        <v>977</v>
      </c>
    </row>
    <row r="137" spans="1:10" ht="49.5">
      <c r="A137" s="643"/>
      <c r="B137" s="663"/>
      <c r="C137" s="271" t="s">
        <v>938</v>
      </c>
      <c r="D137" s="270" t="s">
        <v>938</v>
      </c>
      <c r="E137" s="270" t="s">
        <v>854</v>
      </c>
      <c r="F137" s="270" t="s">
        <v>996</v>
      </c>
      <c r="G137" s="270" t="s">
        <v>997</v>
      </c>
      <c r="H137" s="270" t="s">
        <v>996</v>
      </c>
      <c r="I137" s="281" t="s">
        <v>997</v>
      </c>
    </row>
    <row r="138" spans="1:10" ht="49.5">
      <c r="A138" s="643"/>
      <c r="B138" s="663"/>
      <c r="C138" s="271" t="s">
        <v>981</v>
      </c>
      <c r="D138" s="270"/>
      <c r="E138" s="270" t="s">
        <v>982</v>
      </c>
      <c r="F138" s="270" t="s">
        <v>983</v>
      </c>
      <c r="G138" s="270" t="s">
        <v>984</v>
      </c>
      <c r="H138" s="270" t="s">
        <v>983</v>
      </c>
      <c r="I138" s="281" t="s">
        <v>984</v>
      </c>
    </row>
    <row r="139" spans="1:10">
      <c r="A139" s="643"/>
      <c r="B139" s="663"/>
      <c r="C139" s="269" t="s">
        <v>986</v>
      </c>
      <c r="D139" s="263" t="s">
        <v>987</v>
      </c>
      <c r="E139" s="263" t="s">
        <v>988</v>
      </c>
      <c r="F139" s="263" t="s">
        <v>989</v>
      </c>
      <c r="G139" s="263" t="s">
        <v>990</v>
      </c>
      <c r="H139" s="263" t="s">
        <v>989</v>
      </c>
      <c r="I139" s="280" t="s">
        <v>990</v>
      </c>
    </row>
    <row r="140" spans="1:10" ht="17.25" thickBot="1">
      <c r="A140" s="644"/>
      <c r="B140" s="650"/>
      <c r="C140" s="272"/>
      <c r="D140" s="273"/>
      <c r="E140" s="273"/>
      <c r="F140" s="273"/>
      <c r="G140" s="273"/>
      <c r="H140" s="273"/>
      <c r="I140" s="297"/>
    </row>
    <row r="141" spans="1:10" ht="17.25" thickBot="1">
      <c r="A141" s="284"/>
      <c r="B141" s="285"/>
    </row>
    <row r="142" spans="1:10" ht="84.75" customHeight="1">
      <c r="A142" s="642"/>
      <c r="B142" s="648" t="s">
        <v>998</v>
      </c>
      <c r="C142" s="264"/>
      <c r="D142" s="265"/>
      <c r="E142" s="265"/>
      <c r="F142" s="265"/>
      <c r="G142" s="265"/>
      <c r="H142" s="265"/>
      <c r="I142" s="265"/>
      <c r="J142" s="278"/>
    </row>
    <row r="143" spans="1:10">
      <c r="A143" s="643"/>
      <c r="B143" s="649"/>
      <c r="C143" s="313" t="s">
        <v>375</v>
      </c>
      <c r="D143" s="262" t="s">
        <v>30</v>
      </c>
      <c r="E143" s="262" t="s">
        <v>39</v>
      </c>
      <c r="F143" s="262" t="s">
        <v>40</v>
      </c>
      <c r="G143" s="268" t="s">
        <v>41</v>
      </c>
      <c r="H143" s="262" t="s">
        <v>43</v>
      </c>
      <c r="I143" s="268" t="s">
        <v>37</v>
      </c>
      <c r="J143" s="279" t="s">
        <v>38</v>
      </c>
    </row>
    <row r="144" spans="1:10">
      <c r="A144" s="643"/>
      <c r="B144" s="649"/>
      <c r="C144" s="269" t="s">
        <v>999</v>
      </c>
      <c r="D144" s="263" t="s">
        <v>951</v>
      </c>
      <c r="E144" s="263" t="s">
        <v>970</v>
      </c>
      <c r="F144" s="263" t="s">
        <v>971</v>
      </c>
      <c r="G144" s="263" t="s">
        <v>972</v>
      </c>
      <c r="H144" s="263" t="s">
        <v>1000</v>
      </c>
      <c r="I144" s="263" t="s">
        <v>952</v>
      </c>
      <c r="J144" s="280" t="s">
        <v>953</v>
      </c>
    </row>
    <row r="145" spans="1:10" ht="66">
      <c r="A145" s="643"/>
      <c r="B145" s="649"/>
      <c r="C145" s="269" t="s">
        <v>1001</v>
      </c>
      <c r="D145" s="270" t="s">
        <v>1002</v>
      </c>
      <c r="E145" s="270" t="s">
        <v>1003</v>
      </c>
      <c r="F145" s="270" t="s">
        <v>938</v>
      </c>
      <c r="G145" s="270" t="s">
        <v>938</v>
      </c>
      <c r="H145" s="263" t="s">
        <v>851</v>
      </c>
      <c r="I145" s="270" t="s">
        <v>992</v>
      </c>
      <c r="J145" s="281" t="s">
        <v>993</v>
      </c>
    </row>
    <row r="146" spans="1:10" ht="49.5">
      <c r="A146" s="643"/>
      <c r="B146" s="649"/>
      <c r="C146" s="271" t="s">
        <v>1004</v>
      </c>
      <c r="D146" s="270" t="s">
        <v>995</v>
      </c>
      <c r="E146" s="270" t="s">
        <v>980</v>
      </c>
      <c r="F146" s="270" t="s">
        <v>981</v>
      </c>
      <c r="G146" s="270"/>
      <c r="H146" s="270" t="s">
        <v>1005</v>
      </c>
      <c r="I146" s="270" t="s">
        <v>960</v>
      </c>
      <c r="J146" s="281" t="s">
        <v>961</v>
      </c>
    </row>
    <row r="147" spans="1:10">
      <c r="A147" s="643"/>
      <c r="B147" s="649"/>
      <c r="C147" s="271" t="s">
        <v>1006</v>
      </c>
      <c r="D147" s="270" t="s">
        <v>963</v>
      </c>
      <c r="E147" s="270" t="s">
        <v>985</v>
      </c>
      <c r="F147" s="263" t="s">
        <v>986</v>
      </c>
      <c r="G147" s="263" t="s">
        <v>987</v>
      </c>
      <c r="H147" s="270" t="s">
        <v>1007</v>
      </c>
      <c r="I147" s="263" t="s">
        <v>964</v>
      </c>
      <c r="J147" s="280" t="s">
        <v>965</v>
      </c>
    </row>
    <row r="148" spans="1:10" ht="17.25" thickBot="1">
      <c r="A148" s="644"/>
      <c r="B148" s="650"/>
      <c r="C148" s="272"/>
      <c r="D148" s="273"/>
      <c r="E148" s="273"/>
      <c r="F148" s="273"/>
      <c r="G148" s="273"/>
      <c r="H148" s="273"/>
      <c r="I148" s="273"/>
      <c r="J148" s="297"/>
    </row>
    <row r="149" spans="1:10" ht="17.25" thickBot="1">
      <c r="A149" s="284"/>
      <c r="B149" s="285"/>
      <c r="C149" s="283"/>
      <c r="D149" s="283"/>
      <c r="E149" s="283"/>
      <c r="F149" s="283"/>
      <c r="G149" s="283"/>
      <c r="H149" s="283"/>
      <c r="I149" s="283"/>
      <c r="J149" s="283"/>
    </row>
    <row r="150" spans="1:10" ht="78" customHeight="1">
      <c r="A150" s="642"/>
      <c r="B150" s="648" t="s">
        <v>1008</v>
      </c>
      <c r="C150" s="264"/>
      <c r="D150" s="265"/>
      <c r="E150" s="265"/>
      <c r="F150" s="265"/>
      <c r="G150" s="278"/>
    </row>
    <row r="151" spans="1:10">
      <c r="A151" s="643"/>
      <c r="B151" s="649"/>
      <c r="C151" s="267" t="s">
        <v>567</v>
      </c>
      <c r="D151" s="262" t="s">
        <v>568</v>
      </c>
      <c r="E151" s="262" t="s">
        <v>566</v>
      </c>
      <c r="F151" s="262" t="s">
        <v>373</v>
      </c>
      <c r="G151" s="308" t="s">
        <v>26</v>
      </c>
    </row>
    <row r="152" spans="1:10">
      <c r="A152" s="643"/>
      <c r="B152" s="649"/>
      <c r="C152" s="269" t="s">
        <v>1009</v>
      </c>
      <c r="D152" s="263" t="s">
        <v>1010</v>
      </c>
      <c r="E152" s="263" t="s">
        <v>1011</v>
      </c>
      <c r="F152" s="263" t="s">
        <v>921</v>
      </c>
      <c r="G152" s="280" t="s">
        <v>791</v>
      </c>
    </row>
    <row r="153" spans="1:10" ht="49.5">
      <c r="A153" s="643"/>
      <c r="B153" s="649"/>
      <c r="C153" s="271" t="s">
        <v>1012</v>
      </c>
      <c r="D153" s="270" t="s">
        <v>1013</v>
      </c>
      <c r="E153" s="270" t="s">
        <v>1014</v>
      </c>
      <c r="F153" s="270" t="s">
        <v>1015</v>
      </c>
      <c r="G153" s="281" t="s">
        <v>1016</v>
      </c>
    </row>
    <row r="154" spans="1:10" ht="66">
      <c r="A154" s="643"/>
      <c r="B154" s="649"/>
      <c r="C154" s="271" t="s">
        <v>1017</v>
      </c>
      <c r="D154" s="270" t="s">
        <v>1018</v>
      </c>
      <c r="E154" s="270" t="s">
        <v>1019</v>
      </c>
      <c r="F154" s="270" t="s">
        <v>1020</v>
      </c>
      <c r="G154" s="281" t="s">
        <v>819</v>
      </c>
    </row>
    <row r="155" spans="1:10">
      <c r="A155" s="643"/>
      <c r="B155" s="649"/>
      <c r="C155" s="271" t="s">
        <v>1021</v>
      </c>
      <c r="D155" s="270" t="s">
        <v>1022</v>
      </c>
      <c r="E155" s="270" t="s">
        <v>1023</v>
      </c>
      <c r="F155" s="270" t="s">
        <v>826</v>
      </c>
      <c r="G155" s="281" t="s">
        <v>832</v>
      </c>
    </row>
    <row r="156" spans="1:10" ht="17.25" thickBot="1">
      <c r="A156" s="644"/>
      <c r="B156" s="650"/>
      <c r="C156" s="286"/>
      <c r="D156" s="287"/>
      <c r="E156" s="287"/>
      <c r="F156" s="287"/>
      <c r="G156" s="288"/>
    </row>
  </sheetData>
  <mergeCells count="34">
    <mergeCell ref="A142:A148"/>
    <mergeCell ref="B142:B148"/>
    <mergeCell ref="A150:A156"/>
    <mergeCell ref="B150:B156"/>
    <mergeCell ref="A100:A106"/>
    <mergeCell ref="B100:B106"/>
    <mergeCell ref="A110:A124"/>
    <mergeCell ref="B110:B124"/>
    <mergeCell ref="A126:A140"/>
    <mergeCell ref="B126:B140"/>
    <mergeCell ref="A77:A82"/>
    <mergeCell ref="B77:B82"/>
    <mergeCell ref="A84:A89"/>
    <mergeCell ref="B84:B89"/>
    <mergeCell ref="A92:A98"/>
    <mergeCell ref="B92:B98"/>
    <mergeCell ref="A52:A58"/>
    <mergeCell ref="B52:B58"/>
    <mergeCell ref="A60:A66"/>
    <mergeCell ref="B60:B66"/>
    <mergeCell ref="A69:A75"/>
    <mergeCell ref="B69:B75"/>
    <mergeCell ref="A28:A34"/>
    <mergeCell ref="B28:B34"/>
    <mergeCell ref="A36:A42"/>
    <mergeCell ref="B36:B42"/>
    <mergeCell ref="A44:A50"/>
    <mergeCell ref="B44:B50"/>
    <mergeCell ref="A3:A9"/>
    <mergeCell ref="B3:B9"/>
    <mergeCell ref="A12:A18"/>
    <mergeCell ref="B12:B18"/>
    <mergeCell ref="A20:A26"/>
    <mergeCell ref="B20:B26"/>
  </mergeCells>
  <phoneticPr fontId="119" type="noConversion"/>
  <pageMargins left="0.7" right="0.7" top="0.75" bottom="0.75" header="0.3" footer="0.3"/>
  <drawing r:id="rId1"/>
</worksheet>
</file>

<file path=xl/worksheets/sheet9.xml><?xml version="1.0" encoding="utf-8"?>
<worksheet xmlns="http://schemas.openxmlformats.org/spreadsheetml/2006/main" xmlns:r="http://schemas.openxmlformats.org/officeDocument/2006/relationships">
  <dimension ref="A1:X83"/>
  <sheetViews>
    <sheetView zoomScaleNormal="100" workbookViewId="0">
      <pane xSplit="2" ySplit="1" topLeftCell="C68" activePane="bottomRight" state="frozen"/>
      <selection activeCell="B40" sqref="B40"/>
      <selection pane="topRight" activeCell="B40" sqref="B40"/>
      <selection pane="bottomLeft" activeCell="B40" sqref="B40"/>
      <selection pane="bottomRight" activeCell="M96" sqref="M96"/>
    </sheetView>
  </sheetViews>
  <sheetFormatPr defaultColWidth="9" defaultRowHeight="15"/>
  <cols>
    <col min="1" max="1" width="1.7109375" customWidth="1"/>
    <col min="2" max="2" width="26.7109375" customWidth="1"/>
    <col min="3" max="3" width="21.42578125" customWidth="1"/>
    <col min="4" max="4" width="32" style="260" customWidth="1"/>
    <col min="5" max="5" width="10.28515625" style="261" customWidth="1"/>
    <col min="7" max="7" width="16.28515625" customWidth="1"/>
    <col min="8" max="8" width="17.7109375" style="517" customWidth="1"/>
    <col min="9" max="9" width="9.28515625" style="517" customWidth="1"/>
    <col min="10" max="16" width="9" style="517"/>
    <col min="17" max="17" width="20.42578125" style="517" customWidth="1"/>
    <col min="18" max="18" width="9" style="517"/>
    <col min="19" max="20" width="9" style="340"/>
    <col min="21" max="21" width="14.28515625" style="340" customWidth="1"/>
  </cols>
  <sheetData>
    <row r="1" spans="1:22" s="219" customFormat="1" ht="22.5">
      <c r="A1" s="314"/>
      <c r="B1" s="156" t="s">
        <v>0</v>
      </c>
      <c r="C1" s="410" t="s">
        <v>1</v>
      </c>
      <c r="D1" s="410" t="s">
        <v>2</v>
      </c>
      <c r="E1" s="157" t="s">
        <v>1925</v>
      </c>
      <c r="F1" s="118" t="s">
        <v>136</v>
      </c>
      <c r="G1" s="461" t="s">
        <v>760</v>
      </c>
      <c r="H1" s="470" t="s">
        <v>1135</v>
      </c>
      <c r="I1" s="470" t="s">
        <v>1136</v>
      </c>
      <c r="J1" s="470" t="s">
        <v>470</v>
      </c>
      <c r="K1" s="470" t="s">
        <v>1204</v>
      </c>
      <c r="L1" s="470" t="s">
        <v>1137</v>
      </c>
      <c r="M1" s="470" t="s">
        <v>1138</v>
      </c>
      <c r="N1" s="470" t="s">
        <v>1139</v>
      </c>
      <c r="O1" s="470" t="s">
        <v>1140</v>
      </c>
      <c r="P1" s="470" t="s">
        <v>1141</v>
      </c>
      <c r="Q1" s="470" t="s">
        <v>1142</v>
      </c>
      <c r="R1" s="470" t="s">
        <v>1143</v>
      </c>
      <c r="S1" s="470" t="s">
        <v>1144</v>
      </c>
      <c r="T1" s="471"/>
      <c r="U1" s="343"/>
    </row>
    <row r="2" spans="1:22" s="256" customFormat="1" ht="14.1" customHeight="1">
      <c r="A2" s="234"/>
      <c r="B2" s="315" t="s">
        <v>1084</v>
      </c>
      <c r="C2" s="455"/>
      <c r="D2" s="317" t="s">
        <v>348</v>
      </c>
      <c r="E2" s="59"/>
      <c r="F2" s="102"/>
      <c r="G2" s="102"/>
      <c r="H2" s="488"/>
      <c r="I2" s="488"/>
      <c r="J2" s="488"/>
      <c r="K2" s="488"/>
      <c r="L2" s="488"/>
      <c r="M2" s="488"/>
      <c r="N2" s="488"/>
      <c r="O2" s="488"/>
      <c r="P2" s="488"/>
      <c r="Q2" s="488"/>
      <c r="R2" s="488"/>
      <c r="S2" s="472"/>
      <c r="T2" s="339"/>
      <c r="U2" s="339"/>
    </row>
    <row r="3" spans="1:22" s="439" customFormat="1" ht="14.1" customHeight="1">
      <c r="A3" s="433"/>
      <c r="B3" s="401" t="s">
        <v>1470</v>
      </c>
      <c r="C3" s="434"/>
      <c r="D3" s="435" t="s">
        <v>1203</v>
      </c>
      <c r="E3" s="436">
        <v>17100</v>
      </c>
      <c r="F3" s="437"/>
      <c r="G3" s="462"/>
      <c r="H3" s="489" t="s">
        <v>1146</v>
      </c>
      <c r="I3" s="490" t="s">
        <v>1147</v>
      </c>
      <c r="J3" s="491" t="s">
        <v>1148</v>
      </c>
      <c r="K3" s="492"/>
      <c r="L3" s="490" t="s">
        <v>1149</v>
      </c>
      <c r="M3" s="491" t="s">
        <v>1150</v>
      </c>
      <c r="N3" s="493" t="s">
        <v>1151</v>
      </c>
      <c r="O3" s="494" t="s">
        <v>1145</v>
      </c>
      <c r="P3" s="489" t="s">
        <v>1152</v>
      </c>
      <c r="Q3" s="489" t="s">
        <v>515</v>
      </c>
      <c r="R3" s="489" t="s">
        <v>1153</v>
      </c>
      <c r="S3" s="473">
        <v>2.5099999999999998</v>
      </c>
      <c r="T3" s="438"/>
      <c r="U3" s="438"/>
    </row>
    <row r="4" spans="1:22" s="439" customFormat="1" ht="14.1" customHeight="1">
      <c r="A4" s="433"/>
      <c r="B4" s="401" t="s">
        <v>321</v>
      </c>
      <c r="C4" s="434"/>
      <c r="D4" s="441" t="s">
        <v>1085</v>
      </c>
      <c r="E4" s="436">
        <v>19500</v>
      </c>
      <c r="F4" s="440"/>
      <c r="G4" s="462"/>
      <c r="H4" s="490" t="s">
        <v>1146</v>
      </c>
      <c r="I4" s="490" t="s">
        <v>1199</v>
      </c>
      <c r="J4" s="491" t="s">
        <v>1148</v>
      </c>
      <c r="K4" s="492"/>
      <c r="L4" s="490" t="s">
        <v>1149</v>
      </c>
      <c r="M4" s="491" t="s">
        <v>1150</v>
      </c>
      <c r="N4" s="493" t="s">
        <v>1151</v>
      </c>
      <c r="O4" s="494" t="s">
        <v>1145</v>
      </c>
      <c r="P4" s="490" t="s">
        <v>1154</v>
      </c>
      <c r="Q4" s="490" t="s">
        <v>1155</v>
      </c>
      <c r="R4" s="490" t="s">
        <v>1156</v>
      </c>
      <c r="S4" s="473">
        <v>2.5099999999999998</v>
      </c>
      <c r="T4" s="438"/>
      <c r="U4" s="438"/>
    </row>
    <row r="5" spans="1:22" s="320" customFormat="1" ht="14.1" customHeight="1">
      <c r="A5" s="220"/>
      <c r="B5" s="318" t="s">
        <v>1195</v>
      </c>
      <c r="C5" s="319"/>
      <c r="D5" s="332" t="s">
        <v>1194</v>
      </c>
      <c r="E5" s="223">
        <v>29600</v>
      </c>
      <c r="F5" s="236"/>
      <c r="G5" s="463"/>
      <c r="H5" s="495" t="s">
        <v>1157</v>
      </c>
      <c r="I5" s="496" t="s">
        <v>1198</v>
      </c>
      <c r="J5" s="497" t="s">
        <v>1148</v>
      </c>
      <c r="K5" s="498"/>
      <c r="L5" s="485" t="s">
        <v>1158</v>
      </c>
      <c r="M5" s="497" t="s">
        <v>1150</v>
      </c>
      <c r="N5" s="499" t="s">
        <v>1151</v>
      </c>
      <c r="O5" s="500" t="s">
        <v>1159</v>
      </c>
      <c r="P5" s="496" t="s">
        <v>1154</v>
      </c>
      <c r="Q5" s="496" t="s">
        <v>1155</v>
      </c>
      <c r="R5" s="495" t="s">
        <v>1160</v>
      </c>
      <c r="S5" s="474">
        <v>3.3</v>
      </c>
      <c r="T5" s="345"/>
      <c r="U5" s="345"/>
    </row>
    <row r="6" spans="1:22" s="320" customFormat="1" ht="14.1" customHeight="1">
      <c r="A6" s="220"/>
      <c r="B6" s="445" t="s">
        <v>2138</v>
      </c>
      <c r="C6" s="319"/>
      <c r="D6" s="332" t="s">
        <v>2136</v>
      </c>
      <c r="E6" s="223">
        <v>33300</v>
      </c>
      <c r="F6" s="236"/>
      <c r="G6" s="464"/>
      <c r="H6" s="495"/>
      <c r="I6" s="496"/>
      <c r="J6" s="497"/>
      <c r="K6" s="498"/>
      <c r="L6" s="485"/>
      <c r="M6" s="497"/>
      <c r="N6" s="499"/>
      <c r="O6" s="500"/>
      <c r="P6" s="496"/>
      <c r="Q6" s="496"/>
      <c r="R6" s="495"/>
      <c r="S6" s="474"/>
      <c r="T6" s="345"/>
      <c r="U6" s="345"/>
    </row>
    <row r="7" spans="1:22" s="226" customFormat="1" ht="14.1" customHeight="1">
      <c r="A7" s="220"/>
      <c r="B7" s="318" t="s">
        <v>314</v>
      </c>
      <c r="C7" s="321"/>
      <c r="D7" s="327" t="s">
        <v>1086</v>
      </c>
      <c r="E7" s="223">
        <v>76500</v>
      </c>
      <c r="F7" s="224"/>
      <c r="G7" s="463"/>
      <c r="H7" s="485" t="s">
        <v>1171</v>
      </c>
      <c r="I7" s="485" t="s">
        <v>1172</v>
      </c>
      <c r="J7" s="501" t="s">
        <v>1148</v>
      </c>
      <c r="K7" s="502"/>
      <c r="L7" s="485" t="s">
        <v>1158</v>
      </c>
      <c r="M7" s="501" t="s">
        <v>1173</v>
      </c>
      <c r="N7" s="500" t="s">
        <v>1174</v>
      </c>
      <c r="O7" s="500" t="s">
        <v>1175</v>
      </c>
      <c r="P7" s="485" t="s">
        <v>1176</v>
      </c>
      <c r="Q7" s="485" t="s">
        <v>1170</v>
      </c>
      <c r="R7" s="485" t="s">
        <v>1177</v>
      </c>
      <c r="S7" s="476">
        <v>18.5</v>
      </c>
      <c r="T7" s="344"/>
      <c r="U7" s="344"/>
    </row>
    <row r="8" spans="1:22" s="226" customFormat="1" ht="14.1" customHeight="1">
      <c r="A8" s="220"/>
      <c r="B8" s="318" t="s">
        <v>1196</v>
      </c>
      <c r="C8" s="321"/>
      <c r="D8" s="332" t="s">
        <v>1197</v>
      </c>
      <c r="E8" s="223">
        <v>49400</v>
      </c>
      <c r="F8" s="236"/>
      <c r="G8" s="463"/>
      <c r="H8" s="495" t="s">
        <v>1161</v>
      </c>
      <c r="I8" s="496" t="s">
        <v>1162</v>
      </c>
      <c r="J8" s="497" t="s">
        <v>1148</v>
      </c>
      <c r="K8" s="502"/>
      <c r="L8" s="485" t="s">
        <v>1158</v>
      </c>
      <c r="M8" s="497" t="s">
        <v>1163</v>
      </c>
      <c r="N8" s="499" t="s">
        <v>1164</v>
      </c>
      <c r="O8" s="500" t="s">
        <v>1165</v>
      </c>
      <c r="P8" s="496" t="s">
        <v>1166</v>
      </c>
      <c r="Q8" s="496" t="s">
        <v>1167</v>
      </c>
      <c r="R8" s="495" t="s">
        <v>1168</v>
      </c>
      <c r="S8" s="474">
        <v>6.3</v>
      </c>
      <c r="T8" s="344"/>
      <c r="U8" s="344"/>
    </row>
    <row r="9" spans="1:22" s="226" customFormat="1" ht="14.1" customHeight="1">
      <c r="A9" s="220"/>
      <c r="B9" s="318" t="s">
        <v>315</v>
      </c>
      <c r="C9" s="322"/>
      <c r="D9" s="327" t="s">
        <v>1087</v>
      </c>
      <c r="E9" s="223">
        <v>125800</v>
      </c>
      <c r="F9" s="224"/>
      <c r="G9" s="463"/>
      <c r="H9" s="485" t="s">
        <v>1171</v>
      </c>
      <c r="I9" s="485" t="s">
        <v>1178</v>
      </c>
      <c r="J9" s="501" t="s">
        <v>1148</v>
      </c>
      <c r="K9" s="502"/>
      <c r="L9" s="485" t="s">
        <v>1158</v>
      </c>
      <c r="M9" s="501" t="s">
        <v>1169</v>
      </c>
      <c r="N9" s="500" t="s">
        <v>1174</v>
      </c>
      <c r="O9" s="500" t="s">
        <v>1175</v>
      </c>
      <c r="P9" s="485" t="s">
        <v>1176</v>
      </c>
      <c r="Q9" s="485" t="s">
        <v>1170</v>
      </c>
      <c r="R9" s="485" t="s">
        <v>1179</v>
      </c>
      <c r="S9" s="476">
        <v>27.5</v>
      </c>
      <c r="T9" s="344"/>
      <c r="U9" s="344"/>
    </row>
    <row r="10" spans="1:22" s="226" customFormat="1" ht="32.65" customHeight="1">
      <c r="A10" s="220"/>
      <c r="B10" s="318" t="s">
        <v>569</v>
      </c>
      <c r="C10"/>
      <c r="D10" s="216" t="s">
        <v>751</v>
      </c>
      <c r="E10" s="223">
        <v>3600</v>
      </c>
      <c r="F10" s="224"/>
      <c r="G10" s="463"/>
      <c r="H10" s="503" t="s">
        <v>1180</v>
      </c>
      <c r="I10" s="504" t="s">
        <v>1181</v>
      </c>
      <c r="J10" s="504" t="s">
        <v>1182</v>
      </c>
      <c r="K10" s="502"/>
      <c r="L10" s="504" t="s">
        <v>1182</v>
      </c>
      <c r="M10" s="504" t="s">
        <v>1182</v>
      </c>
      <c r="N10" s="504" t="s">
        <v>1182</v>
      </c>
      <c r="O10" s="504" t="s">
        <v>1182</v>
      </c>
      <c r="P10" s="504" t="s">
        <v>1182</v>
      </c>
      <c r="Q10" s="504" t="s">
        <v>1182</v>
      </c>
      <c r="R10" s="504" t="s">
        <v>1183</v>
      </c>
      <c r="S10" s="475">
        <v>1.38</v>
      </c>
      <c r="T10" s="344"/>
      <c r="U10" s="344"/>
    </row>
    <row r="11" spans="1:22" s="226" customFormat="1" ht="32.65" customHeight="1">
      <c r="A11" s="220"/>
      <c r="B11" s="318" t="s">
        <v>317</v>
      </c>
      <c r="C11" s="144"/>
      <c r="D11" s="216" t="s">
        <v>1200</v>
      </c>
      <c r="E11" s="223">
        <v>5900</v>
      </c>
      <c r="F11" s="236"/>
      <c r="G11" s="463"/>
      <c r="H11" s="503" t="s">
        <v>1190</v>
      </c>
      <c r="I11" s="504" t="s">
        <v>1181</v>
      </c>
      <c r="J11" s="504" t="s">
        <v>1182</v>
      </c>
      <c r="K11" s="502"/>
      <c r="L11" s="504" t="s">
        <v>1182</v>
      </c>
      <c r="M11" s="504" t="s">
        <v>1182</v>
      </c>
      <c r="N11" s="504" t="s">
        <v>1182</v>
      </c>
      <c r="O11" s="504" t="s">
        <v>1182</v>
      </c>
      <c r="P11" s="504" t="s">
        <v>1182</v>
      </c>
      <c r="Q11" s="504" t="s">
        <v>1182</v>
      </c>
      <c r="R11" s="504" t="s">
        <v>1191</v>
      </c>
      <c r="S11" s="466">
        <v>2.85</v>
      </c>
      <c r="T11" s="344"/>
      <c r="U11" s="344"/>
    </row>
    <row r="12" spans="1:22" s="226" customFormat="1" ht="32.65" customHeight="1">
      <c r="A12" s="220"/>
      <c r="B12" s="318" t="s">
        <v>316</v>
      </c>
      <c r="C12" s="144"/>
      <c r="D12" s="323" t="s">
        <v>1024</v>
      </c>
      <c r="E12" s="223">
        <v>6200</v>
      </c>
      <c r="F12" s="224"/>
      <c r="G12" s="463"/>
      <c r="H12" s="503" t="s">
        <v>1192</v>
      </c>
      <c r="I12" s="504" t="s">
        <v>1181</v>
      </c>
      <c r="J12" s="504" t="s">
        <v>1182</v>
      </c>
      <c r="K12" s="502"/>
      <c r="L12" s="504" t="s">
        <v>1182</v>
      </c>
      <c r="M12" s="504" t="s">
        <v>1182</v>
      </c>
      <c r="N12" s="504" t="s">
        <v>1182</v>
      </c>
      <c r="O12" s="504" t="s">
        <v>1182</v>
      </c>
      <c r="P12" s="504" t="s">
        <v>1182</v>
      </c>
      <c r="Q12" s="504" t="s">
        <v>1182</v>
      </c>
      <c r="R12" s="504" t="s">
        <v>1193</v>
      </c>
      <c r="S12" s="466">
        <v>3.15</v>
      </c>
      <c r="T12" s="344"/>
      <c r="U12" s="344"/>
    </row>
    <row r="13" spans="1:22" s="226" customFormat="1" ht="32.65" customHeight="1">
      <c r="A13" s="258"/>
      <c r="B13" s="318" t="s">
        <v>317</v>
      </c>
      <c r="C13" s="144"/>
      <c r="D13" s="323" t="s">
        <v>1025</v>
      </c>
      <c r="E13" s="223">
        <v>5900</v>
      </c>
      <c r="F13" s="224"/>
      <c r="G13" s="463"/>
      <c r="H13" s="503" t="s">
        <v>1185</v>
      </c>
      <c r="I13" s="504" t="s">
        <v>1181</v>
      </c>
      <c r="J13" s="504" t="s">
        <v>1182</v>
      </c>
      <c r="K13" s="502"/>
      <c r="L13" s="504" t="s">
        <v>1182</v>
      </c>
      <c r="M13" s="504" t="s">
        <v>1182</v>
      </c>
      <c r="N13" s="504" t="s">
        <v>1182</v>
      </c>
      <c r="O13" s="504" t="s">
        <v>1182</v>
      </c>
      <c r="P13" s="504" t="s">
        <v>1182</v>
      </c>
      <c r="Q13" s="504" t="s">
        <v>1182</v>
      </c>
      <c r="R13" s="504" t="s">
        <v>1186</v>
      </c>
      <c r="S13" s="477" t="s">
        <v>1187</v>
      </c>
      <c r="T13" s="344"/>
      <c r="U13" s="344"/>
    </row>
    <row r="14" spans="1:22" s="226" customFormat="1" ht="32.65" customHeight="1">
      <c r="A14" s="258"/>
      <c r="B14" s="318" t="s">
        <v>318</v>
      </c>
      <c r="C14" s="144"/>
      <c r="D14" s="323" t="s">
        <v>1026</v>
      </c>
      <c r="E14" s="223">
        <v>2100</v>
      </c>
      <c r="F14" s="224"/>
      <c r="G14" s="463"/>
      <c r="H14" s="485" t="s">
        <v>1188</v>
      </c>
      <c r="I14" s="504" t="s">
        <v>1181</v>
      </c>
      <c r="J14" s="504" t="s">
        <v>1182</v>
      </c>
      <c r="K14" s="502"/>
      <c r="L14" s="504" t="s">
        <v>1182</v>
      </c>
      <c r="M14" s="504" t="s">
        <v>1182</v>
      </c>
      <c r="N14" s="504" t="s">
        <v>1182</v>
      </c>
      <c r="O14" s="504" t="s">
        <v>1182</v>
      </c>
      <c r="P14" s="504" t="s">
        <v>1182</v>
      </c>
      <c r="Q14" s="504" t="s">
        <v>1182</v>
      </c>
      <c r="R14" s="504" t="s">
        <v>1189</v>
      </c>
      <c r="S14" s="466">
        <v>1.6</v>
      </c>
      <c r="T14" s="344"/>
      <c r="U14" s="344"/>
    </row>
    <row r="15" spans="1:22" s="226" customFormat="1" ht="32.65" customHeight="1">
      <c r="A15" s="258"/>
      <c r="B15" s="318" t="s">
        <v>394</v>
      </c>
      <c r="C15" s="144"/>
      <c r="D15" s="323" t="s">
        <v>1202</v>
      </c>
      <c r="E15" s="223">
        <v>1200</v>
      </c>
      <c r="F15" s="224"/>
      <c r="G15" s="463"/>
      <c r="H15" s="485" t="s">
        <v>1201</v>
      </c>
      <c r="I15" s="504" t="s">
        <v>1181</v>
      </c>
      <c r="J15" s="504" t="s">
        <v>1182</v>
      </c>
      <c r="K15" s="502"/>
      <c r="L15" s="504" t="s">
        <v>1182</v>
      </c>
      <c r="M15" s="504" t="s">
        <v>1182</v>
      </c>
      <c r="N15" s="504" t="s">
        <v>1182</v>
      </c>
      <c r="O15" s="504" t="s">
        <v>1182</v>
      </c>
      <c r="P15" s="504" t="s">
        <v>1182</v>
      </c>
      <c r="Q15" s="504" t="s">
        <v>1182</v>
      </c>
      <c r="R15" s="504" t="s">
        <v>1184</v>
      </c>
      <c r="S15" s="466">
        <v>0.45</v>
      </c>
      <c r="T15" s="344"/>
      <c r="U15" s="344"/>
    </row>
    <row r="16" spans="1:22" s="256" customFormat="1" ht="14.1" customHeight="1">
      <c r="A16" s="234"/>
      <c r="B16" s="315" t="s">
        <v>1088</v>
      </c>
      <c r="C16" s="316"/>
      <c r="D16" s="317"/>
      <c r="E16" s="47"/>
      <c r="F16" s="102"/>
      <c r="G16" s="102"/>
      <c r="H16" s="505" t="s">
        <v>2202</v>
      </c>
      <c r="I16" s="505" t="s">
        <v>2203</v>
      </c>
      <c r="J16" s="505" t="s">
        <v>2204</v>
      </c>
      <c r="K16" s="505" t="s">
        <v>2205</v>
      </c>
      <c r="L16" s="505" t="s">
        <v>2206</v>
      </c>
      <c r="M16" s="505" t="s">
        <v>2207</v>
      </c>
      <c r="N16" s="505" t="s">
        <v>2208</v>
      </c>
      <c r="O16" s="505" t="s">
        <v>2209</v>
      </c>
      <c r="P16" s="505" t="s">
        <v>2210</v>
      </c>
      <c r="Q16" s="505" t="s">
        <v>2211</v>
      </c>
      <c r="R16" s="505" t="s">
        <v>2212</v>
      </c>
      <c r="S16" s="478" t="s">
        <v>2213</v>
      </c>
      <c r="T16" s="479" t="s">
        <v>2214</v>
      </c>
      <c r="U16" s="154" t="s">
        <v>1143</v>
      </c>
      <c r="V16" s="154" t="s">
        <v>2215</v>
      </c>
    </row>
    <row r="17" spans="1:22" s="226" customFormat="1" ht="65.099999999999994" customHeight="1">
      <c r="A17" s="258"/>
      <c r="B17" s="333" t="s">
        <v>1089</v>
      </c>
      <c r="C17" s="334"/>
      <c r="D17" s="323" t="s">
        <v>1090</v>
      </c>
      <c r="E17" s="223">
        <v>353300</v>
      </c>
      <c r="F17" s="361"/>
      <c r="G17" s="463"/>
      <c r="H17" s="506" t="s">
        <v>2187</v>
      </c>
      <c r="I17" s="506" t="s">
        <v>2188</v>
      </c>
      <c r="J17" s="507" t="s">
        <v>2189</v>
      </c>
      <c r="K17" s="508" t="s">
        <v>2190</v>
      </c>
      <c r="L17" s="507" t="s">
        <v>2191</v>
      </c>
      <c r="M17" s="509" t="s">
        <v>2192</v>
      </c>
      <c r="N17" s="509" t="s">
        <v>2193</v>
      </c>
      <c r="O17" s="506" t="s">
        <v>2194</v>
      </c>
      <c r="P17" s="506" t="s">
        <v>2195</v>
      </c>
      <c r="Q17" s="506" t="s">
        <v>2196</v>
      </c>
      <c r="R17" s="506" t="s">
        <v>2197</v>
      </c>
      <c r="S17" s="480" t="s">
        <v>2198</v>
      </c>
      <c r="T17" s="506" t="s">
        <v>2199</v>
      </c>
      <c r="U17" s="506" t="s">
        <v>2200</v>
      </c>
      <c r="V17" s="506" t="s">
        <v>2201</v>
      </c>
    </row>
    <row r="18" spans="1:22" s="226" customFormat="1" ht="65.099999999999994" customHeight="1">
      <c r="A18" s="258"/>
      <c r="B18" s="333" t="s">
        <v>1923</v>
      </c>
      <c r="C18" s="334"/>
      <c r="D18" s="323" t="s">
        <v>1924</v>
      </c>
      <c r="E18" s="223">
        <v>500500</v>
      </c>
      <c r="F18" s="361"/>
      <c r="G18" s="463"/>
      <c r="H18" s="506" t="s">
        <v>2187</v>
      </c>
      <c r="I18" s="506" t="s">
        <v>2216</v>
      </c>
      <c r="J18" s="507" t="s">
        <v>2189</v>
      </c>
      <c r="K18" s="508" t="s">
        <v>2190</v>
      </c>
      <c r="L18" s="507" t="s">
        <v>2191</v>
      </c>
      <c r="M18" s="509" t="s">
        <v>2192</v>
      </c>
      <c r="N18" s="509" t="s">
        <v>2217</v>
      </c>
      <c r="O18" s="506" t="s">
        <v>2194</v>
      </c>
      <c r="P18" s="506" t="s">
        <v>2195</v>
      </c>
      <c r="Q18" s="506" t="s">
        <v>2196</v>
      </c>
      <c r="R18" s="506" t="s">
        <v>2197</v>
      </c>
      <c r="S18" s="480" t="s">
        <v>2198</v>
      </c>
      <c r="T18" s="506" t="s">
        <v>2199</v>
      </c>
      <c r="U18" s="506" t="s">
        <v>2218</v>
      </c>
      <c r="V18" s="506" t="s">
        <v>2219</v>
      </c>
    </row>
    <row r="19" spans="1:22" s="226" customFormat="1" ht="65.099999999999994" customHeight="1">
      <c r="A19" s="258"/>
      <c r="B19" s="333" t="s">
        <v>1091</v>
      </c>
      <c r="C19" s="334"/>
      <c r="D19" s="323" t="s">
        <v>1092</v>
      </c>
      <c r="E19" s="223">
        <v>647700</v>
      </c>
      <c r="F19" s="361"/>
      <c r="G19" s="463"/>
      <c r="H19" s="506" t="s">
        <v>2187</v>
      </c>
      <c r="I19" s="506" t="s">
        <v>2220</v>
      </c>
      <c r="J19" s="507" t="s">
        <v>2189</v>
      </c>
      <c r="K19" s="508" t="s">
        <v>2190</v>
      </c>
      <c r="L19" s="507" t="s">
        <v>2221</v>
      </c>
      <c r="M19" s="509" t="s">
        <v>2192</v>
      </c>
      <c r="N19" s="509" t="s">
        <v>2217</v>
      </c>
      <c r="O19" s="506" t="s">
        <v>2194</v>
      </c>
      <c r="P19" s="506" t="s">
        <v>2195</v>
      </c>
      <c r="Q19" s="506" t="s">
        <v>2196</v>
      </c>
      <c r="R19" s="506" t="s">
        <v>2197</v>
      </c>
      <c r="S19" s="480" t="s">
        <v>2198</v>
      </c>
      <c r="T19" s="506" t="s">
        <v>2199</v>
      </c>
      <c r="U19" s="506" t="s">
        <v>2222</v>
      </c>
      <c r="V19" s="506" t="s">
        <v>2223</v>
      </c>
    </row>
    <row r="20" spans="1:22" s="256" customFormat="1" ht="14.1" customHeight="1">
      <c r="A20" s="234"/>
      <c r="B20" s="315" t="s">
        <v>1027</v>
      </c>
      <c r="C20" s="316"/>
      <c r="D20" s="317" t="s">
        <v>348</v>
      </c>
      <c r="E20" s="47"/>
      <c r="F20" s="102"/>
      <c r="G20" s="102"/>
      <c r="H20" s="487" t="s">
        <v>1135</v>
      </c>
      <c r="I20" s="487" t="s">
        <v>1136</v>
      </c>
      <c r="J20" s="487" t="s">
        <v>470</v>
      </c>
      <c r="K20" s="487" t="s">
        <v>1204</v>
      </c>
      <c r="L20" s="487" t="s">
        <v>1137</v>
      </c>
      <c r="M20" s="487" t="s">
        <v>1138</v>
      </c>
      <c r="N20" s="487" t="s">
        <v>1139</v>
      </c>
      <c r="O20" s="487" t="s">
        <v>1140</v>
      </c>
      <c r="P20" s="487" t="s">
        <v>1141</v>
      </c>
      <c r="Q20" s="487" t="s">
        <v>1205</v>
      </c>
      <c r="R20" s="487" t="s">
        <v>1143</v>
      </c>
      <c r="S20" s="470" t="s">
        <v>1144</v>
      </c>
      <c r="T20" s="339"/>
      <c r="U20" s="339"/>
    </row>
    <row r="21" spans="1:22" s="226" customFormat="1" ht="45.75" customHeight="1">
      <c r="A21" s="258"/>
      <c r="B21" s="318" t="s">
        <v>1028</v>
      </c>
      <c r="C21" s="324"/>
      <c r="D21" s="216" t="s">
        <v>1029</v>
      </c>
      <c r="E21" s="223">
        <v>223500</v>
      </c>
      <c r="F21" s="236"/>
      <c r="G21" s="463"/>
      <c r="H21" s="485" t="s">
        <v>1206</v>
      </c>
      <c r="I21" s="485" t="s">
        <v>1207</v>
      </c>
      <c r="J21" s="501" t="s">
        <v>1148</v>
      </c>
      <c r="K21" s="501" t="s">
        <v>1208</v>
      </c>
      <c r="L21" s="496" t="s">
        <v>1158</v>
      </c>
      <c r="M21" s="501" t="s">
        <v>1209</v>
      </c>
      <c r="N21" s="500" t="s">
        <v>1174</v>
      </c>
      <c r="O21" s="500" t="s">
        <v>1175</v>
      </c>
      <c r="P21" s="485" t="s">
        <v>1210</v>
      </c>
      <c r="Q21" s="485" t="s">
        <v>1211</v>
      </c>
      <c r="R21" s="485" t="s">
        <v>1212</v>
      </c>
      <c r="S21" s="475" t="s">
        <v>1213</v>
      </c>
      <c r="T21" s="344"/>
      <c r="U21" s="344"/>
    </row>
    <row r="22" spans="1:22" s="226" customFormat="1" ht="44.1" customHeight="1">
      <c r="A22" s="258"/>
      <c r="B22" s="318" t="s">
        <v>1030</v>
      </c>
      <c r="C22" s="172"/>
      <c r="D22" s="216" t="s">
        <v>1031</v>
      </c>
      <c r="E22" s="223">
        <v>230300</v>
      </c>
      <c r="F22" s="236"/>
      <c r="G22" s="463"/>
      <c r="H22" s="485" t="s">
        <v>1206</v>
      </c>
      <c r="I22" s="485" t="s">
        <v>1214</v>
      </c>
      <c r="J22" s="501" t="s">
        <v>1148</v>
      </c>
      <c r="K22" s="501" t="s">
        <v>1208</v>
      </c>
      <c r="L22" s="496" t="s">
        <v>1158</v>
      </c>
      <c r="M22" s="501" t="s">
        <v>1209</v>
      </c>
      <c r="N22" s="500" t="s">
        <v>1215</v>
      </c>
      <c r="O22" s="500" t="s">
        <v>1175</v>
      </c>
      <c r="P22" s="485" t="s">
        <v>1210</v>
      </c>
      <c r="Q22" s="485" t="s">
        <v>1211</v>
      </c>
      <c r="R22" s="485" t="s">
        <v>1216</v>
      </c>
      <c r="S22" s="475" t="s">
        <v>1217</v>
      </c>
      <c r="T22" s="344"/>
      <c r="U22" s="344"/>
    </row>
    <row r="23" spans="1:22" s="226" customFormat="1" ht="51.95" customHeight="1">
      <c r="A23" s="258"/>
      <c r="B23" s="318" t="s">
        <v>1032</v>
      </c>
      <c r="C23" s="325"/>
      <c r="D23" s="216" t="s">
        <v>1033</v>
      </c>
      <c r="E23" s="223">
        <v>275300</v>
      </c>
      <c r="F23" s="236"/>
      <c r="G23" s="463"/>
      <c r="H23" s="485" t="s">
        <v>1206</v>
      </c>
      <c r="I23" s="485" t="s">
        <v>1218</v>
      </c>
      <c r="J23" s="501" t="s">
        <v>1148</v>
      </c>
      <c r="K23" s="501" t="s">
        <v>1208</v>
      </c>
      <c r="L23" s="496" t="s">
        <v>1158</v>
      </c>
      <c r="M23" s="501" t="s">
        <v>1209</v>
      </c>
      <c r="N23" s="500" t="s">
        <v>1174</v>
      </c>
      <c r="O23" s="500" t="s">
        <v>1175</v>
      </c>
      <c r="P23" s="485" t="s">
        <v>1210</v>
      </c>
      <c r="Q23" s="485" t="s">
        <v>1211</v>
      </c>
      <c r="R23" s="485" t="s">
        <v>1219</v>
      </c>
      <c r="S23" s="475" t="s">
        <v>1220</v>
      </c>
      <c r="T23" s="344"/>
      <c r="U23" s="344"/>
    </row>
    <row r="24" spans="1:22" s="226" customFormat="1" ht="14.1" customHeight="1">
      <c r="A24" s="258"/>
      <c r="B24" s="318" t="s">
        <v>1034</v>
      </c>
      <c r="C24" s="324"/>
      <c r="D24" s="229" t="s">
        <v>1035</v>
      </c>
      <c r="E24" s="223">
        <v>22100</v>
      </c>
      <c r="F24" s="236"/>
      <c r="G24" s="463"/>
      <c r="H24" s="667" t="s">
        <v>1221</v>
      </c>
      <c r="I24" s="667"/>
      <c r="J24" s="667"/>
      <c r="K24" s="667"/>
      <c r="L24" s="667"/>
      <c r="M24" s="667"/>
      <c r="N24" s="667"/>
      <c r="O24" s="667"/>
      <c r="P24" s="667"/>
      <c r="Q24" s="667"/>
      <c r="R24" s="504"/>
      <c r="S24" s="466"/>
      <c r="T24" s="344"/>
      <c r="U24" s="344"/>
    </row>
    <row r="25" spans="1:22" s="226" customFormat="1" ht="14.1" customHeight="1">
      <c r="A25" s="258"/>
      <c r="B25" s="318" t="s">
        <v>1036</v>
      </c>
      <c r="C25" s="326"/>
      <c r="D25" s="229" t="s">
        <v>1037</v>
      </c>
      <c r="E25" s="223">
        <v>36800</v>
      </c>
      <c r="F25" s="236"/>
      <c r="G25" s="463"/>
      <c r="H25" s="667" t="s">
        <v>1222</v>
      </c>
      <c r="I25" s="667"/>
      <c r="J25" s="667"/>
      <c r="K25" s="667"/>
      <c r="L25" s="667"/>
      <c r="M25" s="667"/>
      <c r="N25" s="667"/>
      <c r="O25" s="667"/>
      <c r="P25" s="667"/>
      <c r="Q25" s="667"/>
      <c r="R25" s="504"/>
      <c r="S25" s="466"/>
      <c r="T25" s="344"/>
      <c r="U25" s="344"/>
    </row>
    <row r="26" spans="1:22" s="226" customFormat="1" ht="14.1" customHeight="1">
      <c r="A26" s="258"/>
      <c r="B26" s="318" t="s">
        <v>1038</v>
      </c>
      <c r="C26" s="326"/>
      <c r="D26" s="229" t="s">
        <v>1039</v>
      </c>
      <c r="E26" s="223">
        <v>36800</v>
      </c>
      <c r="F26" s="236"/>
      <c r="G26" s="463"/>
      <c r="H26" s="667" t="s">
        <v>1223</v>
      </c>
      <c r="I26" s="667"/>
      <c r="J26" s="667"/>
      <c r="K26" s="667"/>
      <c r="L26" s="667"/>
      <c r="M26" s="667"/>
      <c r="N26" s="667"/>
      <c r="O26" s="667"/>
      <c r="P26" s="667"/>
      <c r="Q26" s="667"/>
      <c r="R26" s="504"/>
      <c r="S26" s="466"/>
      <c r="T26" s="344"/>
      <c r="U26" s="344"/>
    </row>
    <row r="27" spans="1:22" s="226" customFormat="1" ht="14.1" customHeight="1">
      <c r="A27" s="258"/>
      <c r="B27" s="318" t="s">
        <v>1040</v>
      </c>
      <c r="C27" s="326"/>
      <c r="D27" s="229" t="s">
        <v>1041</v>
      </c>
      <c r="E27" s="223">
        <v>36800</v>
      </c>
      <c r="F27" s="236"/>
      <c r="G27" s="463"/>
      <c r="H27" s="667" t="s">
        <v>1224</v>
      </c>
      <c r="I27" s="667"/>
      <c r="J27" s="667"/>
      <c r="K27" s="667"/>
      <c r="L27" s="667"/>
      <c r="M27" s="667"/>
      <c r="N27" s="667"/>
      <c r="O27" s="667"/>
      <c r="P27" s="667"/>
      <c r="Q27" s="667"/>
      <c r="R27" s="504"/>
      <c r="S27" s="466"/>
      <c r="T27" s="344"/>
      <c r="U27" s="344"/>
    </row>
    <row r="28" spans="1:22" s="226" customFormat="1" ht="14.1" customHeight="1">
      <c r="A28" s="258"/>
      <c r="B28" s="318" t="s">
        <v>1042</v>
      </c>
      <c r="C28" s="326"/>
      <c r="D28" s="229" t="s">
        <v>1043</v>
      </c>
      <c r="E28" s="223">
        <v>36800</v>
      </c>
      <c r="F28" s="236"/>
      <c r="G28" s="463"/>
      <c r="H28" s="667" t="s">
        <v>1225</v>
      </c>
      <c r="I28" s="667"/>
      <c r="J28" s="667"/>
      <c r="K28" s="667"/>
      <c r="L28" s="667"/>
      <c r="M28" s="667"/>
      <c r="N28" s="667"/>
      <c r="O28" s="667"/>
      <c r="P28" s="667"/>
      <c r="Q28" s="667"/>
      <c r="R28" s="504"/>
      <c r="S28" s="466"/>
      <c r="T28" s="344"/>
      <c r="U28" s="344"/>
    </row>
    <row r="29" spans="1:22" s="226" customFormat="1" ht="14.1" customHeight="1">
      <c r="A29" s="258"/>
      <c r="B29" s="318" t="s">
        <v>1044</v>
      </c>
      <c r="C29" s="326"/>
      <c r="D29" s="229" t="s">
        <v>1045</v>
      </c>
      <c r="E29" s="223">
        <v>36800</v>
      </c>
      <c r="F29" s="236"/>
      <c r="G29" s="463"/>
      <c r="H29" s="667" t="s">
        <v>1226</v>
      </c>
      <c r="I29" s="667"/>
      <c r="J29" s="667"/>
      <c r="K29" s="667"/>
      <c r="L29" s="667"/>
      <c r="M29" s="667"/>
      <c r="N29" s="667"/>
      <c r="O29" s="667"/>
      <c r="P29" s="667"/>
      <c r="Q29" s="667"/>
      <c r="R29" s="504"/>
      <c r="S29" s="466"/>
      <c r="T29" s="344"/>
      <c r="U29" s="344"/>
    </row>
    <row r="30" spans="1:22" s="226" customFormat="1" ht="14.1" customHeight="1">
      <c r="A30" s="258"/>
      <c r="B30" s="318" t="s">
        <v>1046</v>
      </c>
      <c r="C30" s="326"/>
      <c r="D30" s="229" t="s">
        <v>1047</v>
      </c>
      <c r="E30" s="223">
        <v>25100</v>
      </c>
      <c r="F30" s="236"/>
      <c r="G30" s="463"/>
      <c r="H30" s="667" t="s">
        <v>1227</v>
      </c>
      <c r="I30" s="667"/>
      <c r="J30" s="667"/>
      <c r="K30" s="667"/>
      <c r="L30" s="667"/>
      <c r="M30" s="667"/>
      <c r="N30" s="667"/>
      <c r="O30" s="667"/>
      <c r="P30" s="667"/>
      <c r="Q30" s="667"/>
      <c r="R30" s="504"/>
      <c r="S30" s="466"/>
      <c r="T30" s="344"/>
      <c r="U30" s="344"/>
    </row>
    <row r="31" spans="1:22" s="226" customFormat="1" ht="14.1" customHeight="1">
      <c r="A31" s="258"/>
      <c r="B31" s="318" t="s">
        <v>1048</v>
      </c>
      <c r="C31" s="326"/>
      <c r="D31" s="229" t="s">
        <v>1049</v>
      </c>
      <c r="E31" s="223">
        <v>38300</v>
      </c>
      <c r="F31" s="236"/>
      <c r="G31" s="463"/>
      <c r="H31" s="667" t="s">
        <v>1228</v>
      </c>
      <c r="I31" s="667"/>
      <c r="J31" s="667"/>
      <c r="K31" s="667"/>
      <c r="L31" s="667"/>
      <c r="M31" s="667"/>
      <c r="N31" s="667"/>
      <c r="O31" s="667"/>
      <c r="P31" s="667"/>
      <c r="Q31" s="667"/>
      <c r="R31" s="504"/>
      <c r="S31" s="466"/>
      <c r="T31" s="344"/>
      <c r="U31" s="344"/>
    </row>
    <row r="32" spans="1:22" s="226" customFormat="1" ht="14.1" customHeight="1">
      <c r="A32" s="258"/>
      <c r="B32" s="318" t="s">
        <v>1048</v>
      </c>
      <c r="C32" s="326"/>
      <c r="D32" s="229" t="s">
        <v>1049</v>
      </c>
      <c r="E32" s="223">
        <v>38300</v>
      </c>
      <c r="F32" s="236"/>
      <c r="G32" s="463"/>
      <c r="H32" s="667" t="s">
        <v>1229</v>
      </c>
      <c r="I32" s="667"/>
      <c r="J32" s="667"/>
      <c r="K32" s="667"/>
      <c r="L32" s="667"/>
      <c r="M32" s="667"/>
      <c r="N32" s="667"/>
      <c r="O32" s="667"/>
      <c r="P32" s="667"/>
      <c r="Q32" s="667"/>
      <c r="R32" s="504"/>
      <c r="S32" s="466"/>
      <c r="T32" s="344"/>
      <c r="U32" s="344"/>
    </row>
    <row r="33" spans="1:21" s="226" customFormat="1" ht="14.1" customHeight="1">
      <c r="A33" s="258"/>
      <c r="B33" s="318" t="s">
        <v>1050</v>
      </c>
      <c r="C33" s="326"/>
      <c r="D33" s="229" t="s">
        <v>1051</v>
      </c>
      <c r="E33" s="223">
        <v>38300</v>
      </c>
      <c r="F33" s="236"/>
      <c r="G33" s="463"/>
      <c r="H33" s="667" t="s">
        <v>1230</v>
      </c>
      <c r="I33" s="667"/>
      <c r="J33" s="667"/>
      <c r="K33" s="667"/>
      <c r="L33" s="667"/>
      <c r="M33" s="667"/>
      <c r="N33" s="667"/>
      <c r="O33" s="667"/>
      <c r="P33" s="667"/>
      <c r="Q33" s="667"/>
      <c r="R33" s="504"/>
      <c r="S33" s="466"/>
      <c r="T33" s="344"/>
      <c r="U33" s="344"/>
    </row>
    <row r="34" spans="1:21" s="226" customFormat="1" ht="14.1" customHeight="1">
      <c r="A34" s="258"/>
      <c r="B34" s="318" t="s">
        <v>1052</v>
      </c>
      <c r="C34" s="326"/>
      <c r="D34" s="229" t="s">
        <v>1053</v>
      </c>
      <c r="E34" s="223">
        <v>38300</v>
      </c>
      <c r="F34" s="236"/>
      <c r="G34" s="463"/>
      <c r="H34" s="667" t="s">
        <v>1231</v>
      </c>
      <c r="I34" s="667"/>
      <c r="J34" s="667"/>
      <c r="K34" s="667"/>
      <c r="L34" s="667"/>
      <c r="M34" s="667"/>
      <c r="N34" s="667"/>
      <c r="O34" s="667"/>
      <c r="P34" s="667"/>
      <c r="Q34" s="667"/>
      <c r="R34" s="504"/>
      <c r="S34" s="466"/>
      <c r="T34" s="344"/>
      <c r="U34" s="344"/>
    </row>
    <row r="35" spans="1:21" s="226" customFormat="1" ht="14.1" customHeight="1">
      <c r="A35" s="258"/>
      <c r="B35" s="318" t="s">
        <v>1054</v>
      </c>
      <c r="C35" s="326"/>
      <c r="D35" s="229" t="s">
        <v>1055</v>
      </c>
      <c r="E35" s="223">
        <v>38300</v>
      </c>
      <c r="F35" s="236"/>
      <c r="G35" s="463"/>
      <c r="H35" s="667" t="s">
        <v>1232</v>
      </c>
      <c r="I35" s="667"/>
      <c r="J35" s="667"/>
      <c r="K35" s="667"/>
      <c r="L35" s="667"/>
      <c r="M35" s="667"/>
      <c r="N35" s="667"/>
      <c r="O35" s="667"/>
      <c r="P35" s="667"/>
      <c r="Q35" s="667"/>
      <c r="R35" s="504"/>
      <c r="S35" s="466"/>
      <c r="T35" s="344"/>
      <c r="U35" s="344"/>
    </row>
    <row r="36" spans="1:21" s="226" customFormat="1" ht="14.1" customHeight="1">
      <c r="A36" s="258"/>
      <c r="B36" s="318" t="s">
        <v>1056</v>
      </c>
      <c r="C36" s="326"/>
      <c r="D36" s="229" t="s">
        <v>1057</v>
      </c>
      <c r="E36" s="223">
        <v>25100</v>
      </c>
      <c r="F36" s="236"/>
      <c r="G36" s="463"/>
      <c r="H36" s="667" t="s">
        <v>1233</v>
      </c>
      <c r="I36" s="667"/>
      <c r="J36" s="667"/>
      <c r="K36" s="667"/>
      <c r="L36" s="667"/>
      <c r="M36" s="667"/>
      <c r="N36" s="667"/>
      <c r="O36" s="667"/>
      <c r="P36" s="667"/>
      <c r="Q36" s="667"/>
      <c r="R36" s="504"/>
      <c r="S36" s="466"/>
      <c r="T36" s="344"/>
      <c r="U36" s="344"/>
    </row>
    <row r="37" spans="1:21" s="226" customFormat="1" ht="14.1" customHeight="1">
      <c r="A37" s="258"/>
      <c r="B37" s="318" t="s">
        <v>1058</v>
      </c>
      <c r="C37" s="326"/>
      <c r="D37" s="229" t="s">
        <v>1059</v>
      </c>
      <c r="E37" s="223">
        <v>44200</v>
      </c>
      <c r="F37" s="236"/>
      <c r="G37" s="463"/>
      <c r="H37" s="667" t="s">
        <v>1234</v>
      </c>
      <c r="I37" s="667"/>
      <c r="J37" s="667"/>
      <c r="K37" s="667"/>
      <c r="L37" s="667"/>
      <c r="M37" s="667"/>
      <c r="N37" s="667"/>
      <c r="O37" s="667"/>
      <c r="P37" s="667"/>
      <c r="Q37" s="667"/>
      <c r="R37" s="504"/>
      <c r="S37" s="466"/>
      <c r="T37" s="344"/>
      <c r="U37" s="344"/>
    </row>
    <row r="38" spans="1:21" s="226" customFormat="1" ht="14.1" customHeight="1">
      <c r="A38" s="258"/>
      <c r="B38" s="318" t="s">
        <v>1060</v>
      </c>
      <c r="C38" s="326"/>
      <c r="D38" s="229" t="s">
        <v>1061</v>
      </c>
      <c r="E38" s="223">
        <v>44200</v>
      </c>
      <c r="F38" s="236"/>
      <c r="G38" s="463"/>
      <c r="H38" s="667" t="s">
        <v>1235</v>
      </c>
      <c r="I38" s="667"/>
      <c r="J38" s="667"/>
      <c r="K38" s="667"/>
      <c r="L38" s="667"/>
      <c r="M38" s="667"/>
      <c r="N38" s="667"/>
      <c r="O38" s="667"/>
      <c r="P38" s="667"/>
      <c r="Q38" s="667"/>
      <c r="R38" s="504"/>
      <c r="S38" s="466"/>
      <c r="T38" s="344"/>
      <c r="U38" s="344"/>
    </row>
    <row r="39" spans="1:21" s="226" customFormat="1" ht="14.1" customHeight="1">
      <c r="A39" s="258"/>
      <c r="B39" s="318" t="s">
        <v>1062</v>
      </c>
      <c r="C39" s="326"/>
      <c r="D39" s="229" t="s">
        <v>1063</v>
      </c>
      <c r="E39" s="223">
        <v>44200</v>
      </c>
      <c r="F39" s="236"/>
      <c r="G39" s="463"/>
      <c r="H39" s="667" t="s">
        <v>1236</v>
      </c>
      <c r="I39" s="667"/>
      <c r="J39" s="667"/>
      <c r="K39" s="667"/>
      <c r="L39" s="667"/>
      <c r="M39" s="667"/>
      <c r="N39" s="667"/>
      <c r="O39" s="667"/>
      <c r="P39" s="667"/>
      <c r="Q39" s="667"/>
      <c r="R39" s="504"/>
      <c r="S39" s="466"/>
      <c r="T39" s="344"/>
      <c r="U39" s="344"/>
    </row>
    <row r="40" spans="1:21" s="226" customFormat="1" ht="14.1" customHeight="1">
      <c r="A40" s="258"/>
      <c r="B40" s="318" t="s">
        <v>1064</v>
      </c>
      <c r="C40" s="326"/>
      <c r="D40" s="229" t="s">
        <v>1065</v>
      </c>
      <c r="E40" s="223">
        <v>44200</v>
      </c>
      <c r="F40" s="236"/>
      <c r="G40" s="463"/>
      <c r="H40" s="667" t="s">
        <v>1237</v>
      </c>
      <c r="I40" s="667"/>
      <c r="J40" s="667"/>
      <c r="K40" s="667"/>
      <c r="L40" s="667"/>
      <c r="M40" s="667"/>
      <c r="N40" s="667"/>
      <c r="O40" s="667"/>
      <c r="P40" s="667"/>
      <c r="Q40" s="667"/>
      <c r="R40" s="504"/>
      <c r="S40" s="466"/>
      <c r="T40" s="344"/>
      <c r="U40" s="344"/>
    </row>
    <row r="41" spans="1:21" s="226" customFormat="1" ht="14.1" customHeight="1">
      <c r="A41" s="258"/>
      <c r="B41" s="318" t="s">
        <v>1066</v>
      </c>
      <c r="C41" s="325"/>
      <c r="D41" s="229" t="s">
        <v>1067</v>
      </c>
      <c r="E41" s="223">
        <v>44200</v>
      </c>
      <c r="F41" s="236"/>
      <c r="G41" s="463"/>
      <c r="H41" s="667" t="s">
        <v>1238</v>
      </c>
      <c r="I41" s="667"/>
      <c r="J41" s="667"/>
      <c r="K41" s="667"/>
      <c r="L41" s="667"/>
      <c r="M41" s="667"/>
      <c r="N41" s="667"/>
      <c r="O41" s="667"/>
      <c r="P41" s="667"/>
      <c r="Q41" s="667"/>
      <c r="R41" s="504"/>
      <c r="S41" s="466"/>
      <c r="T41" s="344"/>
      <c r="U41" s="344"/>
    </row>
    <row r="42" spans="1:21" s="226" customFormat="1" ht="14.1" customHeight="1">
      <c r="A42" s="234"/>
      <c r="B42" s="315" t="s">
        <v>1343</v>
      </c>
      <c r="C42" s="316"/>
      <c r="D42" s="317" t="s">
        <v>348</v>
      </c>
      <c r="E42" s="47"/>
      <c r="F42" s="102"/>
      <c r="G42" s="102"/>
      <c r="H42" s="505" t="s">
        <v>1297</v>
      </c>
      <c r="I42" s="505" t="s">
        <v>1298</v>
      </c>
      <c r="J42" s="505" t="s">
        <v>1299</v>
      </c>
      <c r="K42" s="505" t="s">
        <v>1300</v>
      </c>
      <c r="L42" s="505" t="s">
        <v>1301</v>
      </c>
      <c r="M42" s="505" t="s">
        <v>1302</v>
      </c>
      <c r="N42" s="505" t="s">
        <v>1303</v>
      </c>
      <c r="O42" s="505" t="s">
        <v>1304</v>
      </c>
      <c r="P42" s="505" t="s">
        <v>1305</v>
      </c>
      <c r="Q42" s="505" t="s">
        <v>1306</v>
      </c>
      <c r="R42" s="505" t="s">
        <v>1143</v>
      </c>
      <c r="S42" s="478" t="s">
        <v>1144</v>
      </c>
      <c r="U42" s="344"/>
    </row>
    <row r="43" spans="1:21" s="226" customFormat="1" ht="50.65" customHeight="1">
      <c r="A43" s="258"/>
      <c r="B43" s="318" t="s">
        <v>1068</v>
      </c>
      <c r="C43" s="318"/>
      <c r="D43" s="216" t="s">
        <v>1069</v>
      </c>
      <c r="E43" s="223">
        <v>154300</v>
      </c>
      <c r="F43" s="236"/>
      <c r="G43" s="465"/>
      <c r="H43" s="510" t="s">
        <v>1324</v>
      </c>
      <c r="I43" s="506" t="s">
        <v>1325</v>
      </c>
      <c r="J43" s="506" t="s">
        <v>1326</v>
      </c>
      <c r="K43" s="506" t="s">
        <v>1327</v>
      </c>
      <c r="L43" s="506" t="s">
        <v>1318</v>
      </c>
      <c r="M43" s="507" t="s">
        <v>1182</v>
      </c>
      <c r="N43" s="508">
        <v>4</v>
      </c>
      <c r="O43" s="507" t="s">
        <v>1182</v>
      </c>
      <c r="P43" s="507" t="s">
        <v>1182</v>
      </c>
      <c r="Q43" s="507" t="s">
        <v>1182</v>
      </c>
      <c r="R43" s="506" t="s">
        <v>1328</v>
      </c>
      <c r="S43" s="480" t="s">
        <v>1329</v>
      </c>
      <c r="U43" s="344"/>
    </row>
    <row r="44" spans="1:21" s="226" customFormat="1" ht="45.2" customHeight="1">
      <c r="A44" s="258"/>
      <c r="B44" s="318" t="s">
        <v>1070</v>
      </c>
      <c r="C44" s="318"/>
      <c r="D44" s="216" t="s">
        <v>1069</v>
      </c>
      <c r="E44" s="223">
        <v>297100</v>
      </c>
      <c r="F44" s="236"/>
      <c r="G44" s="465"/>
      <c r="H44" s="510" t="s">
        <v>1324</v>
      </c>
      <c r="I44" s="506" t="s">
        <v>1325</v>
      </c>
      <c r="J44" s="506" t="s">
        <v>1326</v>
      </c>
      <c r="K44" s="506" t="s">
        <v>1327</v>
      </c>
      <c r="L44" s="506" t="s">
        <v>1318</v>
      </c>
      <c r="M44" s="507" t="s">
        <v>1182</v>
      </c>
      <c r="N44" s="508">
        <v>6</v>
      </c>
      <c r="O44" s="507" t="s">
        <v>1182</v>
      </c>
      <c r="P44" s="507" t="s">
        <v>1182</v>
      </c>
      <c r="Q44" s="507" t="s">
        <v>1182</v>
      </c>
      <c r="R44" s="506" t="s">
        <v>1330</v>
      </c>
      <c r="S44" s="480" t="s">
        <v>1323</v>
      </c>
      <c r="U44" s="344"/>
    </row>
    <row r="45" spans="1:21" s="226" customFormat="1" ht="33.950000000000003" customHeight="1">
      <c r="A45" s="258"/>
      <c r="B45" s="318" t="s">
        <v>1071</v>
      </c>
      <c r="C45" s="318"/>
      <c r="D45" s="229" t="s">
        <v>1338</v>
      </c>
      <c r="E45" s="223">
        <v>180200</v>
      </c>
      <c r="F45" s="224"/>
      <c r="G45" s="465"/>
      <c r="H45" s="510" t="s">
        <v>1331</v>
      </c>
      <c r="I45" s="484" t="s">
        <v>1332</v>
      </c>
      <c r="J45" s="484"/>
      <c r="K45" s="484"/>
      <c r="L45" s="484"/>
      <c r="M45" s="484"/>
      <c r="N45" s="484"/>
      <c r="O45" s="484"/>
      <c r="P45" s="484"/>
      <c r="Q45" s="484"/>
      <c r="R45" s="484"/>
      <c r="S45" s="467"/>
      <c r="U45" s="344"/>
    </row>
    <row r="46" spans="1:21" s="226" customFormat="1" ht="33" customHeight="1">
      <c r="A46" s="258"/>
      <c r="B46" s="318" t="s">
        <v>1072</v>
      </c>
      <c r="C46" s="318"/>
      <c r="D46" s="229" t="s">
        <v>1339</v>
      </c>
      <c r="E46" s="223">
        <v>193500</v>
      </c>
      <c r="F46" s="224"/>
      <c r="G46" s="465"/>
      <c r="H46" s="510" t="s">
        <v>1333</v>
      </c>
      <c r="I46" s="484" t="s">
        <v>1334</v>
      </c>
      <c r="J46" s="484"/>
      <c r="K46" s="484"/>
      <c r="L46" s="484"/>
      <c r="M46" s="484"/>
      <c r="N46" s="484"/>
      <c r="O46" s="484"/>
      <c r="P46" s="484"/>
      <c r="Q46" s="484"/>
      <c r="R46" s="484"/>
      <c r="S46" s="467"/>
      <c r="U46" s="344"/>
    </row>
    <row r="47" spans="1:21" s="226" customFormat="1" ht="25.15" customHeight="1">
      <c r="A47" s="258"/>
      <c r="B47" s="318" t="s">
        <v>1073</v>
      </c>
      <c r="C47" s="318"/>
      <c r="D47" s="229" t="s">
        <v>1340</v>
      </c>
      <c r="E47" s="223">
        <v>193500</v>
      </c>
      <c r="F47" s="224"/>
      <c r="G47" s="465"/>
      <c r="H47" s="510" t="s">
        <v>1336</v>
      </c>
      <c r="I47" s="484" t="s">
        <v>1334</v>
      </c>
      <c r="J47" s="484"/>
      <c r="K47" s="484"/>
      <c r="L47" s="484"/>
      <c r="M47" s="484"/>
      <c r="N47" s="484"/>
      <c r="O47" s="484"/>
      <c r="P47" s="484"/>
      <c r="Q47" s="484"/>
      <c r="R47" s="511"/>
      <c r="S47" s="468"/>
      <c r="U47" s="344"/>
    </row>
    <row r="48" spans="1:21" s="226" customFormat="1" ht="35.25" customHeight="1">
      <c r="A48" s="258"/>
      <c r="B48" s="318" t="s">
        <v>1074</v>
      </c>
      <c r="C48" s="318"/>
      <c r="D48" s="229" t="s">
        <v>1341</v>
      </c>
      <c r="E48" s="223">
        <v>193500</v>
      </c>
      <c r="F48" s="224"/>
      <c r="G48" s="465"/>
      <c r="H48" s="510" t="s">
        <v>1335</v>
      </c>
      <c r="I48" s="484" t="s">
        <v>1334</v>
      </c>
      <c r="J48" s="484"/>
      <c r="K48" s="484"/>
      <c r="L48" s="484"/>
      <c r="M48" s="484"/>
      <c r="N48" s="484"/>
      <c r="O48" s="484"/>
      <c r="P48" s="484"/>
      <c r="Q48" s="484"/>
      <c r="R48" s="484"/>
      <c r="S48" s="467"/>
      <c r="U48" s="344"/>
    </row>
    <row r="49" spans="1:24" s="226" customFormat="1" ht="29.1" customHeight="1">
      <c r="A49" s="258"/>
      <c r="B49" s="318" t="s">
        <v>1075</v>
      </c>
      <c r="C49" s="318"/>
      <c r="D49" s="229" t="s">
        <v>1342</v>
      </c>
      <c r="E49" s="223">
        <v>232300</v>
      </c>
      <c r="F49" s="224"/>
      <c r="G49" s="465"/>
      <c r="H49" s="510" t="s">
        <v>1337</v>
      </c>
      <c r="I49" s="484" t="s">
        <v>1334</v>
      </c>
      <c r="J49" s="484"/>
      <c r="K49" s="484"/>
      <c r="L49" s="484"/>
      <c r="M49" s="484"/>
      <c r="N49" s="484"/>
      <c r="O49" s="484"/>
      <c r="P49" s="484"/>
      <c r="Q49" s="484"/>
      <c r="R49" s="511"/>
      <c r="S49" s="469"/>
      <c r="U49" s="344"/>
    </row>
    <row r="50" spans="1:24" s="226" customFormat="1" ht="44.1" customHeight="1">
      <c r="A50" s="258"/>
      <c r="B50" s="318" t="s">
        <v>1076</v>
      </c>
      <c r="C50" s="318"/>
      <c r="D50" s="327" t="s">
        <v>1077</v>
      </c>
      <c r="E50" s="223">
        <v>412200</v>
      </c>
      <c r="F50" s="396" t="s">
        <v>1802</v>
      </c>
      <c r="G50" s="465" t="s">
        <v>1803</v>
      </c>
      <c r="H50" s="510" t="s">
        <v>1314</v>
      </c>
      <c r="I50" s="506" t="s">
        <v>1315</v>
      </c>
      <c r="J50" s="507" t="s">
        <v>1316</v>
      </c>
      <c r="K50" s="506" t="s">
        <v>1317</v>
      </c>
      <c r="L50" s="506" t="s">
        <v>1318</v>
      </c>
      <c r="M50" s="506" t="s">
        <v>1319</v>
      </c>
      <c r="N50" s="508" t="s">
        <v>1182</v>
      </c>
      <c r="O50" s="510" t="s">
        <v>1312</v>
      </c>
      <c r="P50" s="512" t="s">
        <v>1320</v>
      </c>
      <c r="Q50" s="512" t="s">
        <v>1321</v>
      </c>
      <c r="R50" s="506" t="s">
        <v>1322</v>
      </c>
      <c r="S50" s="480" t="s">
        <v>1323</v>
      </c>
      <c r="U50" s="344"/>
    </row>
    <row r="51" spans="1:24" s="226" customFormat="1" ht="44.1" customHeight="1">
      <c r="A51" s="258"/>
      <c r="B51" s="318" t="s">
        <v>1805</v>
      </c>
      <c r="C51" s="318"/>
      <c r="D51" s="400" t="s">
        <v>1823</v>
      </c>
      <c r="E51" s="223">
        <v>279700</v>
      </c>
      <c r="F51" s="236" t="s">
        <v>1491</v>
      </c>
      <c r="G51" s="465"/>
      <c r="H51" s="510" t="s">
        <v>1807</v>
      </c>
      <c r="I51" s="510" t="s">
        <v>1808</v>
      </c>
      <c r="J51" s="510" t="s">
        <v>1809</v>
      </c>
      <c r="K51" s="506" t="s">
        <v>2246</v>
      </c>
      <c r="L51" s="506" t="s">
        <v>1318</v>
      </c>
      <c r="M51" s="506" t="s">
        <v>1810</v>
      </c>
      <c r="N51" s="508" t="s">
        <v>1182</v>
      </c>
      <c r="O51" s="510" t="s">
        <v>1811</v>
      </c>
      <c r="P51" s="512" t="s">
        <v>1320</v>
      </c>
      <c r="Q51" s="512" t="s">
        <v>1321</v>
      </c>
      <c r="R51" s="506" t="s">
        <v>1812</v>
      </c>
      <c r="S51" s="480" t="s">
        <v>1329</v>
      </c>
      <c r="T51" s="481" t="s">
        <v>1813</v>
      </c>
      <c r="U51" s="346" t="s">
        <v>1814</v>
      </c>
    </row>
    <row r="52" spans="1:24" s="226" customFormat="1" ht="44.1" customHeight="1">
      <c r="A52" s="258"/>
      <c r="B52" s="318" t="s">
        <v>1806</v>
      </c>
      <c r="C52" s="318"/>
      <c r="D52" s="400" t="s">
        <v>1824</v>
      </c>
      <c r="E52" s="223">
        <v>343300</v>
      </c>
      <c r="F52" s="236" t="s">
        <v>1491</v>
      </c>
      <c r="G52" s="465"/>
      <c r="H52" s="510" t="s">
        <v>1815</v>
      </c>
      <c r="I52" s="510" t="s">
        <v>1808</v>
      </c>
      <c r="J52" s="510" t="s">
        <v>1816</v>
      </c>
      <c r="K52" s="506" t="s">
        <v>2246</v>
      </c>
      <c r="L52" s="506" t="s">
        <v>1318</v>
      </c>
      <c r="M52" s="506" t="s">
        <v>1817</v>
      </c>
      <c r="N52" s="508" t="s">
        <v>1182</v>
      </c>
      <c r="O52" s="510" t="s">
        <v>1811</v>
      </c>
      <c r="P52" s="512" t="s">
        <v>1320</v>
      </c>
      <c r="Q52" s="512" t="s">
        <v>1321</v>
      </c>
      <c r="R52" s="506" t="s">
        <v>1812</v>
      </c>
      <c r="S52" s="480" t="s">
        <v>1329</v>
      </c>
      <c r="T52" s="481" t="s">
        <v>1818</v>
      </c>
      <c r="U52" s="346" t="s">
        <v>1819</v>
      </c>
    </row>
    <row r="53" spans="1:24" s="226" customFormat="1" ht="44.1" customHeight="1">
      <c r="A53" s="258"/>
      <c r="B53" s="318" t="s">
        <v>1804</v>
      </c>
      <c r="C53" s="318"/>
      <c r="D53" s="400" t="s">
        <v>1825</v>
      </c>
      <c r="E53" s="223">
        <v>412200</v>
      </c>
      <c r="F53" s="236" t="s">
        <v>1491</v>
      </c>
      <c r="G53" s="465"/>
      <c r="H53" s="510" t="s">
        <v>1314</v>
      </c>
      <c r="I53" s="510" t="s">
        <v>1808</v>
      </c>
      <c r="J53" s="510" t="s">
        <v>1820</v>
      </c>
      <c r="K53" s="506" t="s">
        <v>2246</v>
      </c>
      <c r="L53" s="506" t="s">
        <v>1318</v>
      </c>
      <c r="M53" s="506" t="s">
        <v>1319</v>
      </c>
      <c r="N53" s="508" t="s">
        <v>1182</v>
      </c>
      <c r="O53" s="510" t="s">
        <v>1811</v>
      </c>
      <c r="P53" s="512" t="s">
        <v>1320</v>
      </c>
      <c r="Q53" s="512" t="s">
        <v>1321</v>
      </c>
      <c r="R53" s="506" t="s">
        <v>1812</v>
      </c>
      <c r="S53" s="480" t="s">
        <v>1329</v>
      </c>
      <c r="T53" s="481" t="s">
        <v>1821</v>
      </c>
      <c r="U53" s="346" t="s">
        <v>1822</v>
      </c>
    </row>
    <row r="54" spans="1:24" ht="57" customHeight="1">
      <c r="A54" s="328"/>
      <c r="B54" s="329" t="s">
        <v>401</v>
      </c>
      <c r="C54" s="329"/>
      <c r="D54" s="401" t="s">
        <v>1827</v>
      </c>
      <c r="E54" s="223">
        <v>118400</v>
      </c>
      <c r="F54" s="236" t="s">
        <v>1491</v>
      </c>
      <c r="G54" s="465"/>
      <c r="H54" s="510" t="s">
        <v>1827</v>
      </c>
      <c r="I54" s="506" t="s">
        <v>1307</v>
      </c>
      <c r="J54" s="507" t="s">
        <v>1308</v>
      </c>
      <c r="K54" s="506" t="s">
        <v>1830</v>
      </c>
      <c r="L54" s="506" t="s">
        <v>1309</v>
      </c>
      <c r="M54" s="506" t="s">
        <v>1831</v>
      </c>
      <c r="N54" s="508" t="s">
        <v>1832</v>
      </c>
      <c r="O54" s="510" t="s">
        <v>1310</v>
      </c>
      <c r="P54" s="512" t="s">
        <v>486</v>
      </c>
      <c r="Q54" s="512" t="s">
        <v>1311</v>
      </c>
      <c r="R54" s="506" t="s">
        <v>1833</v>
      </c>
      <c r="S54" s="480" t="s">
        <v>1834</v>
      </c>
    </row>
    <row r="55" spans="1:24" ht="42.6" customHeight="1">
      <c r="A55" s="328"/>
      <c r="B55" s="329" t="s">
        <v>1826</v>
      </c>
      <c r="C55" s="329"/>
      <c r="D55" s="401" t="s">
        <v>1828</v>
      </c>
      <c r="E55" s="223">
        <v>142500</v>
      </c>
      <c r="F55" s="236" t="s">
        <v>1491</v>
      </c>
      <c r="G55" s="465"/>
      <c r="H55" s="510" t="s">
        <v>1828</v>
      </c>
      <c r="I55" s="506" t="s">
        <v>1835</v>
      </c>
      <c r="J55" s="507" t="s">
        <v>1836</v>
      </c>
      <c r="K55" s="506" t="s">
        <v>1837</v>
      </c>
      <c r="L55" s="506" t="s">
        <v>1838</v>
      </c>
      <c r="M55" s="506" t="s">
        <v>1839</v>
      </c>
      <c r="N55" s="508" t="s">
        <v>1832</v>
      </c>
      <c r="O55" s="510" t="s">
        <v>1840</v>
      </c>
      <c r="P55" s="512" t="s">
        <v>486</v>
      </c>
      <c r="Q55" s="512" t="s">
        <v>1313</v>
      </c>
      <c r="R55" s="506" t="s">
        <v>1841</v>
      </c>
      <c r="S55" s="480" t="s">
        <v>1842</v>
      </c>
    </row>
    <row r="56" spans="1:24" ht="43.5" customHeight="1">
      <c r="A56" s="220"/>
      <c r="B56" s="229" t="s">
        <v>1913</v>
      </c>
      <c r="C56" s="229"/>
      <c r="D56" s="402" t="s">
        <v>1829</v>
      </c>
      <c r="E56" s="223">
        <v>210800</v>
      </c>
      <c r="F56" s="236" t="s">
        <v>1491</v>
      </c>
      <c r="G56" s="465"/>
      <c r="H56" s="510" t="s">
        <v>1829</v>
      </c>
      <c r="I56" s="510" t="s">
        <v>1835</v>
      </c>
      <c r="J56" s="510" t="s">
        <v>1843</v>
      </c>
      <c r="K56" s="506" t="s">
        <v>1837</v>
      </c>
      <c r="L56" s="506" t="s">
        <v>1838</v>
      </c>
      <c r="M56" s="506" t="s">
        <v>1844</v>
      </c>
      <c r="N56" s="508" t="s">
        <v>1832</v>
      </c>
      <c r="O56" s="510" t="s">
        <v>1840</v>
      </c>
      <c r="P56" s="512" t="s">
        <v>486</v>
      </c>
      <c r="Q56" s="512" t="s">
        <v>1313</v>
      </c>
      <c r="R56" s="506" t="s">
        <v>1841</v>
      </c>
      <c r="S56" s="480" t="s">
        <v>1845</v>
      </c>
    </row>
    <row r="57" spans="1:24" ht="43.5" customHeight="1">
      <c r="A57" s="220"/>
      <c r="B57" s="229" t="s">
        <v>1914</v>
      </c>
      <c r="C57" s="229"/>
      <c r="D57" s="402" t="s">
        <v>1846</v>
      </c>
      <c r="E57" s="223">
        <v>269700</v>
      </c>
      <c r="F57" s="236" t="s">
        <v>1491</v>
      </c>
      <c r="G57" s="465"/>
      <c r="H57" s="510" t="s">
        <v>1846</v>
      </c>
      <c r="I57" s="510" t="s">
        <v>1835</v>
      </c>
      <c r="J57" s="510" t="s">
        <v>1847</v>
      </c>
      <c r="K57" s="506" t="s">
        <v>1837</v>
      </c>
      <c r="L57" s="506" t="s">
        <v>1838</v>
      </c>
      <c r="M57" s="506" t="s">
        <v>1848</v>
      </c>
      <c r="N57" s="508" t="s">
        <v>1832</v>
      </c>
      <c r="O57" s="510" t="s">
        <v>1840</v>
      </c>
      <c r="P57" s="512" t="s">
        <v>486</v>
      </c>
      <c r="Q57" s="512" t="s">
        <v>1313</v>
      </c>
      <c r="R57" s="506" t="s">
        <v>1841</v>
      </c>
      <c r="S57" s="480" t="s">
        <v>1849</v>
      </c>
    </row>
    <row r="58" spans="1:24">
      <c r="A58" s="220"/>
      <c r="B58" s="229" t="s">
        <v>322</v>
      </c>
      <c r="C58" s="229"/>
      <c r="D58" s="228" t="s">
        <v>1078</v>
      </c>
      <c r="E58" s="223">
        <v>4500</v>
      </c>
      <c r="F58" s="224"/>
      <c r="G58" s="334"/>
      <c r="H58" s="511"/>
      <c r="I58" s="511"/>
      <c r="J58" s="511"/>
      <c r="K58" s="511"/>
      <c r="L58" s="511"/>
      <c r="M58" s="511"/>
      <c r="N58" s="511"/>
      <c r="O58" s="511"/>
      <c r="P58" s="511"/>
      <c r="Q58" s="511"/>
      <c r="R58" s="511"/>
      <c r="S58" s="468"/>
    </row>
    <row r="59" spans="1:24">
      <c r="A59" s="220"/>
      <c r="B59" s="229" t="s">
        <v>323</v>
      </c>
      <c r="C59" s="229"/>
      <c r="D59" s="228" t="s">
        <v>1079</v>
      </c>
      <c r="E59" s="223">
        <v>96300</v>
      </c>
      <c r="F59" s="224"/>
      <c r="G59" s="334"/>
      <c r="H59" s="511"/>
      <c r="I59" s="511"/>
      <c r="J59" s="511"/>
      <c r="K59" s="511"/>
      <c r="L59" s="511"/>
      <c r="M59" s="511"/>
      <c r="N59" s="511"/>
      <c r="O59" s="511"/>
      <c r="P59" s="511"/>
      <c r="Q59" s="511"/>
      <c r="R59" s="511"/>
      <c r="S59" s="468"/>
    </row>
    <row r="60" spans="1:24" s="256" customFormat="1" ht="14.1" customHeight="1">
      <c r="A60" s="234"/>
      <c r="B60" s="315" t="s">
        <v>1110</v>
      </c>
      <c r="C60" s="316"/>
      <c r="D60" s="317" t="s">
        <v>348</v>
      </c>
      <c r="E60" s="47"/>
      <c r="F60" s="102"/>
      <c r="G60" s="102"/>
      <c r="H60" s="487" t="s">
        <v>1239</v>
      </c>
      <c r="I60" s="487" t="s">
        <v>1240</v>
      </c>
      <c r="J60" s="513" t="s">
        <v>1241</v>
      </c>
      <c r="K60" s="513" t="s">
        <v>1242</v>
      </c>
      <c r="L60" s="513" t="s">
        <v>1243</v>
      </c>
      <c r="M60" s="513" t="s">
        <v>1244</v>
      </c>
      <c r="N60" s="513" t="s">
        <v>1245</v>
      </c>
      <c r="O60" s="513" t="s">
        <v>1246</v>
      </c>
      <c r="P60" s="513" t="s">
        <v>1137</v>
      </c>
      <c r="Q60" s="513" t="s">
        <v>1138</v>
      </c>
      <c r="R60" s="513" t="s">
        <v>1139</v>
      </c>
      <c r="S60" s="482" t="s">
        <v>1247</v>
      </c>
      <c r="T60" s="339"/>
      <c r="U60" s="339"/>
      <c r="V60"/>
      <c r="W60"/>
      <c r="X60" s="341"/>
    </row>
    <row r="61" spans="1:24" ht="15" customHeight="1">
      <c r="A61" s="220"/>
      <c r="B61" s="229" t="s">
        <v>1094</v>
      </c>
      <c r="C61" s="664"/>
      <c r="D61" s="228" t="s">
        <v>1124</v>
      </c>
      <c r="E61" s="338" t="s">
        <v>324</v>
      </c>
      <c r="F61" s="224"/>
      <c r="G61" s="463"/>
      <c r="H61" s="485" t="s">
        <v>1248</v>
      </c>
      <c r="I61" s="485" t="s">
        <v>1249</v>
      </c>
      <c r="J61" s="486" t="s">
        <v>1250</v>
      </c>
      <c r="K61" s="486" t="s">
        <v>1251</v>
      </c>
      <c r="L61" s="486" t="s">
        <v>1252</v>
      </c>
      <c r="M61" s="486" t="s">
        <v>1253</v>
      </c>
      <c r="N61" s="486" t="s">
        <v>1254</v>
      </c>
      <c r="O61" s="486" t="s">
        <v>1255</v>
      </c>
      <c r="P61" s="514" t="s">
        <v>1256</v>
      </c>
      <c r="Q61" s="515" t="s">
        <v>1257</v>
      </c>
      <c r="R61" s="516" t="s">
        <v>1258</v>
      </c>
      <c r="S61" s="483" t="s">
        <v>1259</v>
      </c>
      <c r="X61" s="342"/>
    </row>
    <row r="62" spans="1:24" ht="15" customHeight="1">
      <c r="A62" s="220"/>
      <c r="B62" s="229" t="s">
        <v>1093</v>
      </c>
      <c r="C62" s="665"/>
      <c r="D62" s="228" t="s">
        <v>1124</v>
      </c>
      <c r="E62" s="338" t="s">
        <v>324</v>
      </c>
      <c r="F62" s="224"/>
      <c r="G62" s="463"/>
      <c r="H62" s="485" t="s">
        <v>1248</v>
      </c>
      <c r="I62" s="485" t="s">
        <v>1249</v>
      </c>
      <c r="J62" s="486" t="s">
        <v>1260</v>
      </c>
      <c r="K62" s="486" t="s">
        <v>1251</v>
      </c>
      <c r="L62" s="486" t="s">
        <v>1252</v>
      </c>
      <c r="M62" s="486" t="s">
        <v>1253</v>
      </c>
      <c r="N62" s="486" t="s">
        <v>1254</v>
      </c>
      <c r="O62" s="486" t="s">
        <v>1255</v>
      </c>
      <c r="P62" s="514" t="s">
        <v>1256</v>
      </c>
      <c r="Q62" s="515" t="s">
        <v>1257</v>
      </c>
      <c r="R62" s="516" t="s">
        <v>1258</v>
      </c>
      <c r="S62" s="483" t="s">
        <v>1259</v>
      </c>
      <c r="X62" s="342"/>
    </row>
    <row r="63" spans="1:24" ht="15" customHeight="1">
      <c r="A63" s="220"/>
      <c r="B63" s="229" t="s">
        <v>1096</v>
      </c>
      <c r="C63" s="665"/>
      <c r="D63" s="228" t="s">
        <v>1125</v>
      </c>
      <c r="E63" s="338" t="s">
        <v>324</v>
      </c>
      <c r="F63" s="224"/>
      <c r="G63" s="463"/>
      <c r="H63" s="485" t="s">
        <v>1261</v>
      </c>
      <c r="I63" s="485" t="s">
        <v>1249</v>
      </c>
      <c r="J63" s="486" t="s">
        <v>1250</v>
      </c>
      <c r="K63" s="486" t="s">
        <v>1262</v>
      </c>
      <c r="L63" s="486" t="s">
        <v>1252</v>
      </c>
      <c r="M63" s="486" t="s">
        <v>1263</v>
      </c>
      <c r="N63" s="486" t="s">
        <v>1254</v>
      </c>
      <c r="O63" s="486" t="s">
        <v>1255</v>
      </c>
      <c r="P63" s="514" t="s">
        <v>1256</v>
      </c>
      <c r="Q63" s="515" t="s">
        <v>1257</v>
      </c>
      <c r="R63" s="516" t="s">
        <v>1258</v>
      </c>
      <c r="S63" s="483" t="s">
        <v>1259</v>
      </c>
      <c r="X63" s="342"/>
    </row>
    <row r="64" spans="1:24" ht="15" customHeight="1">
      <c r="A64" s="220"/>
      <c r="B64" s="229" t="s">
        <v>1095</v>
      </c>
      <c r="C64" s="665"/>
      <c r="D64" s="228" t="s">
        <v>1125</v>
      </c>
      <c r="E64" s="338" t="s">
        <v>324</v>
      </c>
      <c r="F64" s="224"/>
      <c r="G64" s="463"/>
      <c r="H64" s="485" t="s">
        <v>1261</v>
      </c>
      <c r="I64" s="485" t="s">
        <v>1249</v>
      </c>
      <c r="J64" s="486" t="s">
        <v>1260</v>
      </c>
      <c r="K64" s="486" t="s">
        <v>1262</v>
      </c>
      <c r="L64" s="486" t="s">
        <v>1252</v>
      </c>
      <c r="M64" s="486" t="s">
        <v>1263</v>
      </c>
      <c r="N64" s="486" t="s">
        <v>1254</v>
      </c>
      <c r="O64" s="486" t="s">
        <v>1255</v>
      </c>
      <c r="P64" s="514" t="s">
        <v>1256</v>
      </c>
      <c r="Q64" s="515" t="s">
        <v>1257</v>
      </c>
      <c r="R64" s="516" t="s">
        <v>1258</v>
      </c>
      <c r="S64" s="483" t="s">
        <v>1259</v>
      </c>
      <c r="X64" s="342"/>
    </row>
    <row r="65" spans="1:24" ht="15" customHeight="1">
      <c r="A65" s="220"/>
      <c r="B65" s="229" t="s">
        <v>1097</v>
      </c>
      <c r="C65" s="665"/>
      <c r="D65" s="228" t="s">
        <v>1126</v>
      </c>
      <c r="E65" s="338" t="s">
        <v>324</v>
      </c>
      <c r="F65" s="224"/>
      <c r="G65" s="463"/>
      <c r="H65" s="485" t="s">
        <v>1264</v>
      </c>
      <c r="I65" s="485" t="s">
        <v>1249</v>
      </c>
      <c r="J65" s="486" t="s">
        <v>1260</v>
      </c>
      <c r="K65" s="486" t="s">
        <v>1265</v>
      </c>
      <c r="L65" s="486" t="s">
        <v>1252</v>
      </c>
      <c r="M65" s="486" t="s">
        <v>1266</v>
      </c>
      <c r="N65" s="486" t="s">
        <v>1254</v>
      </c>
      <c r="O65" s="486" t="s">
        <v>1255</v>
      </c>
      <c r="P65" s="514" t="s">
        <v>1256</v>
      </c>
      <c r="Q65" s="515" t="s">
        <v>1257</v>
      </c>
      <c r="R65" s="516" t="s">
        <v>1258</v>
      </c>
      <c r="S65" s="483" t="s">
        <v>1259</v>
      </c>
      <c r="X65" s="342"/>
    </row>
    <row r="66" spans="1:24" ht="15" customHeight="1">
      <c r="A66" s="220"/>
      <c r="B66" s="229" t="s">
        <v>1296</v>
      </c>
      <c r="C66" s="665"/>
      <c r="D66" s="228" t="s">
        <v>1126</v>
      </c>
      <c r="E66" s="338" t="s">
        <v>324</v>
      </c>
      <c r="F66" s="224"/>
      <c r="G66" s="463"/>
      <c r="H66" s="485" t="s">
        <v>1264</v>
      </c>
      <c r="I66" s="485" t="s">
        <v>1249</v>
      </c>
      <c r="J66" s="486" t="s">
        <v>1260</v>
      </c>
      <c r="K66" s="486" t="s">
        <v>1265</v>
      </c>
      <c r="L66" s="486" t="s">
        <v>1252</v>
      </c>
      <c r="M66" s="486" t="s">
        <v>1266</v>
      </c>
      <c r="N66" s="486" t="s">
        <v>1254</v>
      </c>
      <c r="O66" s="486" t="s">
        <v>1255</v>
      </c>
      <c r="P66" s="514" t="s">
        <v>1256</v>
      </c>
      <c r="Q66" s="515" t="s">
        <v>1257</v>
      </c>
      <c r="R66" s="516" t="s">
        <v>1258</v>
      </c>
      <c r="S66" s="483" t="s">
        <v>1259</v>
      </c>
      <c r="X66" s="342"/>
    </row>
    <row r="67" spans="1:24" ht="15" customHeight="1">
      <c r="A67" s="220"/>
      <c r="B67" s="229" t="s">
        <v>1099</v>
      </c>
      <c r="C67" s="665"/>
      <c r="D67" s="228" t="s">
        <v>1131</v>
      </c>
      <c r="E67" s="338" t="s">
        <v>324</v>
      </c>
      <c r="F67" s="224"/>
      <c r="G67" s="463"/>
      <c r="H67" s="485" t="s">
        <v>1267</v>
      </c>
      <c r="I67" s="485" t="s">
        <v>1249</v>
      </c>
      <c r="J67" s="486" t="s">
        <v>1250</v>
      </c>
      <c r="K67" s="486" t="s">
        <v>1268</v>
      </c>
      <c r="L67" s="486" t="s">
        <v>1252</v>
      </c>
      <c r="M67" s="486" t="s">
        <v>1269</v>
      </c>
      <c r="N67" s="486" t="s">
        <v>1254</v>
      </c>
      <c r="O67" s="486" t="s">
        <v>1255</v>
      </c>
      <c r="P67" s="514" t="s">
        <v>1256</v>
      </c>
      <c r="Q67" s="515" t="s">
        <v>1257</v>
      </c>
      <c r="R67" s="516" t="s">
        <v>1258</v>
      </c>
      <c r="S67" s="483" t="s">
        <v>1259</v>
      </c>
      <c r="X67" s="342"/>
    </row>
    <row r="68" spans="1:24" ht="15" customHeight="1">
      <c r="A68" s="220"/>
      <c r="B68" s="229" t="s">
        <v>1098</v>
      </c>
      <c r="C68" s="665"/>
      <c r="D68" s="228" t="s">
        <v>1131</v>
      </c>
      <c r="E68" s="338" t="s">
        <v>324</v>
      </c>
      <c r="F68" s="224"/>
      <c r="G68" s="463"/>
      <c r="H68" s="485" t="s">
        <v>1267</v>
      </c>
      <c r="I68" s="485" t="s">
        <v>1249</v>
      </c>
      <c r="J68" s="486" t="s">
        <v>1260</v>
      </c>
      <c r="K68" s="486" t="s">
        <v>1268</v>
      </c>
      <c r="L68" s="486" t="s">
        <v>1252</v>
      </c>
      <c r="M68" s="486" t="s">
        <v>1269</v>
      </c>
      <c r="N68" s="486" t="s">
        <v>1254</v>
      </c>
      <c r="O68" s="486" t="s">
        <v>1255</v>
      </c>
      <c r="P68" s="514" t="s">
        <v>1256</v>
      </c>
      <c r="Q68" s="515" t="s">
        <v>1257</v>
      </c>
      <c r="R68" s="516" t="s">
        <v>1258</v>
      </c>
      <c r="S68" s="483" t="s">
        <v>1259</v>
      </c>
      <c r="X68" s="342"/>
    </row>
    <row r="69" spans="1:24" ht="15" customHeight="1">
      <c r="A69" s="220"/>
      <c r="B69" s="229" t="s">
        <v>1100</v>
      </c>
      <c r="C69" s="665"/>
      <c r="D69" s="228" t="s">
        <v>1132</v>
      </c>
      <c r="E69" s="338" t="s">
        <v>324</v>
      </c>
      <c r="F69" s="224"/>
      <c r="G69" s="463"/>
      <c r="H69" s="485" t="s">
        <v>1270</v>
      </c>
      <c r="I69" s="485" t="s">
        <v>1249</v>
      </c>
      <c r="J69" s="486" t="s">
        <v>1271</v>
      </c>
      <c r="K69" s="486" t="s">
        <v>1272</v>
      </c>
      <c r="L69" s="486" t="s">
        <v>1252</v>
      </c>
      <c r="M69" s="486" t="s">
        <v>1273</v>
      </c>
      <c r="N69" s="486" t="s">
        <v>1254</v>
      </c>
      <c r="O69" s="486" t="s">
        <v>1255</v>
      </c>
      <c r="P69" s="514" t="s">
        <v>1256</v>
      </c>
      <c r="Q69" s="515" t="s">
        <v>1257</v>
      </c>
      <c r="R69" s="516" t="s">
        <v>1258</v>
      </c>
      <c r="S69" s="483" t="s">
        <v>1259</v>
      </c>
      <c r="X69" s="342"/>
    </row>
    <row r="70" spans="1:24" ht="15" customHeight="1">
      <c r="A70" s="220"/>
      <c r="B70" s="229" t="s">
        <v>1101</v>
      </c>
      <c r="C70" s="666"/>
      <c r="D70" s="228" t="s">
        <v>1117</v>
      </c>
      <c r="E70" s="338" t="s">
        <v>324</v>
      </c>
      <c r="F70" s="224"/>
      <c r="G70" s="463"/>
      <c r="H70" s="485" t="s">
        <v>1274</v>
      </c>
      <c r="I70" s="485" t="s">
        <v>1249</v>
      </c>
      <c r="J70" s="486" t="s">
        <v>1275</v>
      </c>
      <c r="K70" s="486" t="s">
        <v>1276</v>
      </c>
      <c r="L70" s="486" t="s">
        <v>1277</v>
      </c>
      <c r="M70" s="486" t="s">
        <v>1278</v>
      </c>
      <c r="N70" s="486" t="s">
        <v>1279</v>
      </c>
      <c r="O70" s="486" t="s">
        <v>1280</v>
      </c>
      <c r="P70" s="514" t="s">
        <v>1281</v>
      </c>
      <c r="Q70" s="486" t="s">
        <v>1282</v>
      </c>
      <c r="R70" s="516" t="s">
        <v>1258</v>
      </c>
      <c r="S70" s="483" t="s">
        <v>1259</v>
      </c>
      <c r="X70" s="342"/>
    </row>
    <row r="71" spans="1:24" ht="28.15" customHeight="1">
      <c r="A71" s="220"/>
      <c r="B71" s="229" t="s">
        <v>1102</v>
      </c>
      <c r="C71" s="664"/>
      <c r="D71" s="337" t="s">
        <v>1118</v>
      </c>
      <c r="E71" s="338" t="s">
        <v>324</v>
      </c>
      <c r="F71" s="224"/>
      <c r="G71" s="463"/>
      <c r="H71" s="511"/>
      <c r="I71" s="511"/>
      <c r="J71" s="511"/>
      <c r="K71" s="511"/>
      <c r="L71" s="511"/>
      <c r="M71" s="511"/>
      <c r="N71" s="511"/>
      <c r="O71" s="511"/>
      <c r="P71" s="511"/>
      <c r="Q71" s="511"/>
      <c r="R71" s="511"/>
      <c r="S71" s="468"/>
      <c r="X71" s="342"/>
    </row>
    <row r="72" spans="1:24" ht="32.1" customHeight="1">
      <c r="A72" s="220"/>
      <c r="B72" s="229" t="s">
        <v>1103</v>
      </c>
      <c r="C72" s="666"/>
      <c r="D72" s="336" t="s">
        <v>1119</v>
      </c>
      <c r="E72" s="338" t="s">
        <v>324</v>
      </c>
      <c r="F72" s="224"/>
      <c r="G72" s="463"/>
      <c r="H72" s="511"/>
      <c r="I72" s="511"/>
      <c r="J72" s="511"/>
      <c r="K72" s="511"/>
      <c r="L72" s="511"/>
      <c r="M72" s="511"/>
      <c r="N72" s="511"/>
      <c r="O72" s="511"/>
      <c r="P72" s="511"/>
      <c r="Q72" s="511"/>
      <c r="R72" s="511"/>
      <c r="S72" s="468"/>
      <c r="X72" s="342"/>
    </row>
    <row r="73" spans="1:24" ht="45.75" customHeight="1">
      <c r="A73" s="220"/>
      <c r="B73" s="229" t="s">
        <v>1104</v>
      </c>
      <c r="C73" s="335"/>
      <c r="D73" s="337" t="s">
        <v>1111</v>
      </c>
      <c r="E73" s="338" t="s">
        <v>324</v>
      </c>
      <c r="F73" s="224"/>
      <c r="G73" s="463"/>
      <c r="H73" s="503" t="s">
        <v>2247</v>
      </c>
      <c r="I73" s="511"/>
      <c r="J73" s="511"/>
      <c r="K73" s="511"/>
      <c r="L73" s="511"/>
      <c r="M73" s="511"/>
      <c r="N73" s="511"/>
      <c r="O73" s="511"/>
      <c r="P73" s="511"/>
      <c r="Q73" s="511"/>
      <c r="R73" s="511"/>
      <c r="S73" s="468"/>
      <c r="X73" s="342"/>
    </row>
    <row r="74" spans="1:24" ht="26.1" customHeight="1">
      <c r="A74" s="220"/>
      <c r="B74" s="229" t="s">
        <v>1105</v>
      </c>
      <c r="C74" s="664"/>
      <c r="D74" s="337" t="s">
        <v>1120</v>
      </c>
      <c r="E74" s="338" t="s">
        <v>324</v>
      </c>
      <c r="F74" s="224"/>
      <c r="G74" s="463"/>
      <c r="H74" s="511"/>
      <c r="I74" s="511"/>
      <c r="J74" s="511"/>
      <c r="K74" s="511"/>
      <c r="L74" s="511"/>
      <c r="M74" s="511"/>
      <c r="N74" s="511"/>
      <c r="O74" s="511"/>
      <c r="P74" s="511"/>
      <c r="Q74" s="511"/>
      <c r="R74" s="511"/>
      <c r="S74" s="468"/>
      <c r="X74" s="342"/>
    </row>
    <row r="75" spans="1:24" ht="25.5" customHeight="1">
      <c r="A75" s="220"/>
      <c r="B75" s="229" t="s">
        <v>1106</v>
      </c>
      <c r="C75" s="665"/>
      <c r="D75" s="228" t="s">
        <v>1121</v>
      </c>
      <c r="E75" s="338" t="s">
        <v>324</v>
      </c>
      <c r="F75" s="224"/>
      <c r="G75" s="463"/>
      <c r="H75" s="511"/>
      <c r="I75" s="511"/>
      <c r="J75" s="511"/>
      <c r="K75" s="511"/>
      <c r="L75" s="511"/>
      <c r="M75" s="511"/>
      <c r="N75" s="511"/>
      <c r="O75" s="511"/>
      <c r="P75" s="511"/>
      <c r="Q75" s="511"/>
      <c r="R75" s="511"/>
      <c r="S75" s="468"/>
      <c r="V75" s="342"/>
      <c r="W75" s="342"/>
      <c r="X75" s="342"/>
    </row>
    <row r="76" spans="1:24" ht="24" customHeight="1">
      <c r="A76" s="220"/>
      <c r="B76" s="229" t="s">
        <v>1107</v>
      </c>
      <c r="C76" s="665"/>
      <c r="D76" s="228" t="s">
        <v>1122</v>
      </c>
      <c r="E76" s="338" t="s">
        <v>324</v>
      </c>
      <c r="F76" s="224"/>
      <c r="G76" s="463"/>
      <c r="H76" s="511"/>
      <c r="I76" s="511"/>
      <c r="J76" s="511"/>
      <c r="K76" s="511"/>
      <c r="L76" s="511"/>
      <c r="M76" s="511"/>
      <c r="N76" s="511"/>
      <c r="O76" s="511"/>
      <c r="P76" s="511"/>
      <c r="Q76" s="511"/>
      <c r="R76" s="511"/>
      <c r="S76" s="468"/>
    </row>
    <row r="77" spans="1:24" ht="26.1" customHeight="1">
      <c r="A77" s="220"/>
      <c r="B77" s="229" t="s">
        <v>1108</v>
      </c>
      <c r="C77" s="666"/>
      <c r="D77" s="337" t="s">
        <v>1123</v>
      </c>
      <c r="E77" s="338" t="s">
        <v>324</v>
      </c>
      <c r="F77" s="224"/>
      <c r="G77" s="463"/>
      <c r="H77" s="511"/>
      <c r="I77" s="511"/>
      <c r="J77" s="511"/>
      <c r="K77" s="511"/>
      <c r="L77" s="511"/>
      <c r="M77" s="511"/>
      <c r="N77" s="511"/>
      <c r="O77" s="511"/>
      <c r="P77" s="511"/>
      <c r="Q77" s="511"/>
      <c r="R77" s="511"/>
      <c r="S77" s="468"/>
    </row>
    <row r="78" spans="1:24">
      <c r="A78" s="220"/>
      <c r="B78" s="229" t="s">
        <v>1109</v>
      </c>
      <c r="C78" s="335"/>
      <c r="D78" s="228"/>
      <c r="E78" s="338" t="s">
        <v>324</v>
      </c>
      <c r="F78" s="224"/>
      <c r="G78" s="463"/>
      <c r="H78" s="511"/>
      <c r="I78" s="511"/>
      <c r="J78" s="511"/>
      <c r="K78" s="511"/>
      <c r="L78" s="511"/>
      <c r="M78" s="511"/>
      <c r="N78" s="511"/>
      <c r="O78" s="511"/>
      <c r="P78" s="511"/>
      <c r="Q78" s="511"/>
      <c r="R78" s="511"/>
      <c r="S78" s="468"/>
    </row>
    <row r="79" spans="1:24" ht="28.5" customHeight="1">
      <c r="A79" s="220"/>
      <c r="B79" s="229" t="s">
        <v>1112</v>
      </c>
      <c r="C79" s="664"/>
      <c r="D79" s="337" t="s">
        <v>1130</v>
      </c>
      <c r="E79" s="338" t="s">
        <v>324</v>
      </c>
      <c r="F79" s="224"/>
      <c r="G79" s="463"/>
      <c r="H79" s="485" t="s">
        <v>1283</v>
      </c>
      <c r="I79" s="485" t="s">
        <v>1249</v>
      </c>
      <c r="J79" s="486" t="s">
        <v>1250</v>
      </c>
      <c r="K79" s="486" t="s">
        <v>1284</v>
      </c>
      <c r="L79" s="486" t="s">
        <v>1277</v>
      </c>
      <c r="M79" s="486" t="s">
        <v>1285</v>
      </c>
      <c r="N79" s="486" t="s">
        <v>1286</v>
      </c>
      <c r="O79" s="486" t="s">
        <v>1287</v>
      </c>
      <c r="P79" s="514" t="s">
        <v>1256</v>
      </c>
      <c r="Q79" s="515" t="s">
        <v>1288</v>
      </c>
      <c r="R79" s="516" t="s">
        <v>1258</v>
      </c>
      <c r="S79" s="483" t="s">
        <v>1289</v>
      </c>
    </row>
    <row r="80" spans="1:24" ht="28.5" customHeight="1">
      <c r="A80" s="220"/>
      <c r="B80" s="229" t="s">
        <v>1113</v>
      </c>
      <c r="C80" s="665"/>
      <c r="D80" s="337" t="s">
        <v>1129</v>
      </c>
      <c r="E80" s="338" t="s">
        <v>324</v>
      </c>
      <c r="F80" s="224"/>
      <c r="G80" s="463"/>
      <c r="H80" s="485" t="s">
        <v>1290</v>
      </c>
      <c r="I80" s="485" t="s">
        <v>1249</v>
      </c>
      <c r="J80" s="486" t="s">
        <v>1250</v>
      </c>
      <c r="K80" s="486" t="s">
        <v>1291</v>
      </c>
      <c r="L80" s="486" t="s">
        <v>1277</v>
      </c>
      <c r="M80" s="486" t="s">
        <v>1292</v>
      </c>
      <c r="N80" s="486" t="s">
        <v>1286</v>
      </c>
      <c r="O80" s="486" t="s">
        <v>1287</v>
      </c>
      <c r="P80" s="514" t="s">
        <v>1256</v>
      </c>
      <c r="Q80" s="515" t="s">
        <v>1288</v>
      </c>
      <c r="R80" s="516" t="s">
        <v>1258</v>
      </c>
      <c r="S80" s="483" t="s">
        <v>1289</v>
      </c>
    </row>
    <row r="81" spans="1:19" ht="28.5" customHeight="1">
      <c r="A81" s="220"/>
      <c r="B81" s="229" t="s">
        <v>1114</v>
      </c>
      <c r="C81" s="665"/>
      <c r="D81" s="337" t="s">
        <v>1127</v>
      </c>
      <c r="E81" s="338" t="s">
        <v>324</v>
      </c>
      <c r="F81" s="224"/>
      <c r="G81" s="463"/>
      <c r="H81" s="485" t="s">
        <v>1293</v>
      </c>
      <c r="I81" s="485" t="s">
        <v>1249</v>
      </c>
      <c r="J81" s="486" t="s">
        <v>1250</v>
      </c>
      <c r="K81" s="486" t="s">
        <v>1294</v>
      </c>
      <c r="L81" s="486" t="s">
        <v>1277</v>
      </c>
      <c r="M81" s="486" t="s">
        <v>1295</v>
      </c>
      <c r="N81" s="486" t="s">
        <v>1286</v>
      </c>
      <c r="O81" s="486" t="s">
        <v>1287</v>
      </c>
      <c r="P81" s="514" t="s">
        <v>1256</v>
      </c>
      <c r="Q81" s="515" t="s">
        <v>1288</v>
      </c>
      <c r="R81" s="516" t="s">
        <v>1258</v>
      </c>
      <c r="S81" s="483" t="s">
        <v>1289</v>
      </c>
    </row>
    <row r="82" spans="1:19" ht="28.5" customHeight="1">
      <c r="A82" s="220"/>
      <c r="B82" s="229" t="s">
        <v>1115</v>
      </c>
      <c r="C82" s="666"/>
      <c r="D82" s="337" t="s">
        <v>1128</v>
      </c>
      <c r="E82" s="338" t="s">
        <v>324</v>
      </c>
      <c r="F82" s="224"/>
      <c r="G82" s="463"/>
      <c r="H82" s="485" t="s">
        <v>1274</v>
      </c>
      <c r="I82" s="485" t="s">
        <v>1249</v>
      </c>
      <c r="J82" s="486" t="s">
        <v>1250</v>
      </c>
      <c r="K82" s="486" t="s">
        <v>1276</v>
      </c>
      <c r="L82" s="486" t="s">
        <v>1277</v>
      </c>
      <c r="M82" s="486" t="s">
        <v>1278</v>
      </c>
      <c r="N82" s="486" t="s">
        <v>1286</v>
      </c>
      <c r="O82" s="486" t="s">
        <v>1287</v>
      </c>
      <c r="P82" s="514" t="s">
        <v>1256</v>
      </c>
      <c r="Q82" s="515" t="s">
        <v>1288</v>
      </c>
      <c r="R82" s="516" t="s">
        <v>1258</v>
      </c>
      <c r="S82" s="483" t="s">
        <v>1289</v>
      </c>
    </row>
    <row r="83" spans="1:19" ht="15" customHeight="1">
      <c r="A83" s="220"/>
      <c r="B83" s="229" t="s">
        <v>1116</v>
      </c>
      <c r="C83" s="335"/>
      <c r="D83" s="228"/>
      <c r="E83" s="338" t="s">
        <v>324</v>
      </c>
      <c r="F83" s="224"/>
      <c r="G83" s="463"/>
      <c r="H83" s="511"/>
      <c r="I83" s="511"/>
      <c r="J83" s="511"/>
      <c r="K83" s="511"/>
      <c r="L83" s="511"/>
      <c r="M83" s="511"/>
      <c r="N83" s="511"/>
      <c r="O83" s="511"/>
      <c r="P83" s="511"/>
      <c r="Q83" s="511"/>
      <c r="R83" s="511"/>
      <c r="S83" s="468"/>
    </row>
  </sheetData>
  <mergeCells count="22">
    <mergeCell ref="H41:Q41"/>
    <mergeCell ref="H36:Q36"/>
    <mergeCell ref="H37:Q37"/>
    <mergeCell ref="H38:Q38"/>
    <mergeCell ref="H39:Q39"/>
    <mergeCell ref="H40:Q40"/>
    <mergeCell ref="C79:C82"/>
    <mergeCell ref="C61:C70"/>
    <mergeCell ref="C71:C72"/>
    <mergeCell ref="C74:C77"/>
    <mergeCell ref="H24:Q24"/>
    <mergeCell ref="H25:Q25"/>
    <mergeCell ref="H26:Q26"/>
    <mergeCell ref="H27:Q27"/>
    <mergeCell ref="H28:Q28"/>
    <mergeCell ref="H29:Q29"/>
    <mergeCell ref="H30:Q30"/>
    <mergeCell ref="H31:Q31"/>
    <mergeCell ref="H32:Q32"/>
    <mergeCell ref="H33:Q33"/>
    <mergeCell ref="H34:Q34"/>
    <mergeCell ref="H35:Q35"/>
  </mergeCells>
  <phoneticPr fontId="119" type="noConversion"/>
  <hyperlinks>
    <hyperlink ref="M50" r:id="rId1"/>
  </hyperlinks>
  <pageMargins left="0.69930555555555596" right="0.69930555555555596" top="0.75" bottom="0.75" header="0.3" footer="0.3"/>
  <pageSetup paperSize="9" orientation="portrait" r:id="rId2"/>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Листы</vt:lpstr>
      </vt:variant>
      <vt:variant>
        <vt:i4>14</vt:i4>
      </vt:variant>
    </vt:vector>
  </HeadingPairs>
  <TitlesOfParts>
    <vt:vector size="14" baseType="lpstr">
      <vt:lpstr>Снято с производства</vt:lpstr>
      <vt:lpstr>Серия【Easy】IPC</vt:lpstr>
      <vt:lpstr>Серия【Prime】IPC</vt:lpstr>
      <vt:lpstr>PTZ видеокамеры</vt:lpstr>
      <vt:lpstr>NVR(Easy.Prime)</vt:lpstr>
      <vt:lpstr>Gybrid NVR</vt:lpstr>
      <vt:lpstr>Accessories</vt:lpstr>
      <vt:lpstr>Bracket rule</vt:lpstr>
      <vt:lpstr>Display&amp;Videowall</vt:lpstr>
      <vt:lpstr>Transmission,SD,HDD</vt:lpstr>
      <vt:lpstr>Naming Rule 2020</vt:lpstr>
      <vt:lpstr>Sheet1</vt:lpstr>
      <vt:lpstr>Accessory</vt:lpstr>
      <vt:lpstr>!PTZ Dome</vt:lpstr>
    </vt:vector>
  </TitlesOfParts>
  <Company>UNIVIEW</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niview</dc:creator>
  <cp:lastModifiedBy>Пользователь Windows</cp:lastModifiedBy>
  <cp:lastPrinted>2018-08-13T09:23:49Z</cp:lastPrinted>
  <dcterms:created xsi:type="dcterms:W3CDTF">2014-01-09T03:17:00Z</dcterms:created>
  <dcterms:modified xsi:type="dcterms:W3CDTF">2021-04-14T07:29: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0.1.0.7400</vt:lpwstr>
  </property>
</Properties>
</file>